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2\LRF - 2022\RREO 4º Bim 2022\"/>
    </mc:Choice>
  </mc:AlternateContent>
  <bookViews>
    <workbookView xWindow="0" yWindow="0" windowWidth="15300" windowHeight="7590" firstSheet="9" activeTab="12"/>
  </bookViews>
  <sheets>
    <sheet name="Anexo - 01 - Balanço Orçamentár" sheetId="1" r:id="rId1"/>
    <sheet name="Anexo - 01.1 - Despesas Corrent" sheetId="2" r:id="rId2"/>
    <sheet name="Anexo - 02 - Despesas por Funçã" sheetId="3" r:id="rId3"/>
    <sheet name="Anexo - 03 - Receita Corrente L" sheetId="4" r:id="rId4"/>
    <sheet name="Anexo - 04 - Receitas e Despesa" sheetId="5" r:id="rId5"/>
    <sheet name="Anexo - 06 - Resultado Primário" sheetId="6" r:id="rId6"/>
    <sheet name="Anexo - 07 - Restos a Pagar por" sheetId="7" r:id="rId7"/>
    <sheet name="Anexo - 08 - Receitas e Despesa" sheetId="8" r:id="rId8"/>
    <sheet name="Anexo - 08.1 - Despesa MDE-Cons" sheetId="9" r:id="rId9"/>
    <sheet name="Anexo - 12 - Receitas e Despesa" sheetId="10" r:id="rId10"/>
    <sheet name="Anexo - 12.1 - Despesas Saúde -" sheetId="11" r:id="rId11"/>
    <sheet name="Anexo - 13 - Parcerias Público-" sheetId="12" r:id="rId12"/>
    <sheet name="Anexo - 14 - Resumo Execução Or" sheetId="13" r:id="rId13"/>
  </sheets>
  <calcPr calcId="0"/>
</workbook>
</file>

<file path=xl/sharedStrings.xml><?xml version="1.0" encoding="utf-8"?>
<sst xmlns="http://schemas.openxmlformats.org/spreadsheetml/2006/main" count="3226" uniqueCount="1304">
  <si>
    <t>ESTADO DE MATO GROSSO DO SUL</t>
  </si>
  <si>
    <t>Relatório Resumido de Execução Orçamentária</t>
  </si>
  <si>
    <t>ANEXO 1 - RREO</t>
  </si>
  <si>
    <t>Orçamentos Fiscal e da Seguridade Social</t>
  </si>
  <si>
    <t>JANEIRO A AGOSTO DE 2022 / BIMESTRE JULHO - AGOSTO</t>
  </si>
  <si>
    <t>RREO - Anexo 1 (LRF, art. 52, inciso I, alíneas "a" e "b" do inciso II e §1º)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Outras Transferências</t>
  </si>
  <si>
    <t>36</t>
  </si>
  <si>
    <t xml:space="preserve">            OUTRAS RECEITAS CORRENTES</t>
  </si>
  <si>
    <t>37</t>
  </si>
  <si>
    <t xml:space="preserve">               Multas Administrativas, Contratuais e Judiciais</t>
  </si>
  <si>
    <t>38</t>
  </si>
  <si>
    <t xml:space="preserve">               Indenizações, Restituições e Ressarcimentos</t>
  </si>
  <si>
    <t>39</t>
  </si>
  <si>
    <t xml:space="preserve">               Bens, Direitos e Valores Incorporados ao Patrimônio Público</t>
  </si>
  <si>
    <t>40</t>
  </si>
  <si>
    <t xml:space="preserve">               Multas e Juros de Mora das Receitas de Capital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 xml:space="preserve">               Transferências de Pessoas Físicas</t>
  </si>
  <si>
    <t>59</t>
  </si>
  <si>
    <t xml:space="preserve">               Transferências Provenientes de Depósitos Não Identificados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Outras Transferências</t>
  </si>
  <si>
    <t>140</t>
  </si>
  <si>
    <t xml:space="preserve">   OUTRAS RECEITAS CORRENTES</t>
  </si>
  <si>
    <t>141</t>
  </si>
  <si>
    <t xml:space="preserve">      Multas Administrativas, Contratuais e Judiciais</t>
  </si>
  <si>
    <t>142</t>
  </si>
  <si>
    <t xml:space="preserve">      Indenizações, Restituições e Ressarcimentos</t>
  </si>
  <si>
    <t>143</t>
  </si>
  <si>
    <t xml:space="preserve">      Bens, Direitos e Valores Incorporados ao Patrimônio Público</t>
  </si>
  <si>
    <t>144</t>
  </si>
  <si>
    <t xml:space="preserve">      Multas e Juros de Mora das Receitas de Capital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 xml:space="preserve">      Transferências de Pessoas Físicas</t>
  </si>
  <si>
    <t>163</t>
  </si>
  <si>
    <t xml:space="preserve">      Transferências Provenientes de Depósitos Não Identificados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1 - RREO</t>
  </si>
  <si>
    <t>RREO - Anexo 1.1 (Art. 167-A da CF/88)</t>
  </si>
  <si>
    <t>Evolução da Receita Realizada nos últimos 12 meses</t>
  </si>
  <si>
    <t>Set/2021</t>
  </si>
  <si>
    <t>Out/2021</t>
  </si>
  <si>
    <t>Nov/2021</t>
  </si>
  <si>
    <t>Dez/2021</t>
  </si>
  <si>
    <t>Jan/2022</t>
  </si>
  <si>
    <t>Fev/2022</t>
  </si>
  <si>
    <t>Mar/2022</t>
  </si>
  <si>
    <t>Abr/2022</t>
  </si>
  <si>
    <t>Mai/2022</t>
  </si>
  <si>
    <t>Jun/2022</t>
  </si>
  <si>
    <t>Jul/2022</t>
  </si>
  <si>
    <t>Ago/2022</t>
  </si>
  <si>
    <t>Total dos Últimos 12 meses (a)</t>
  </si>
  <si>
    <t>RECEITAS CORRENTES ¹</t>
  </si>
  <si>
    <t>RECEITAS CORRENTES (EXCETO INTRA-ORÇAMENTÁRIAS)</t>
  </si>
  <si>
    <t xml:space="preserve"> DESPESAS CORRENTES</t>
  </si>
  <si>
    <t>Evolução da Despesa Liquidada nos últimos 12 meses</t>
  </si>
  <si>
    <t>Total dos Últimos 12 meses (b)</t>
  </si>
  <si>
    <t>Restos a Pagar NÃO Processados Inscritos</t>
  </si>
  <si>
    <t>Em 31 de Dezembro (c) ³</t>
  </si>
  <si>
    <t>Cancelamento (d) 4</t>
  </si>
  <si>
    <t>Total dos Últimos 12 meses Ajustado  (e) = (b) + (c) - (d)</t>
  </si>
  <si>
    <t>DESPESAS CORRENTES ²</t>
  </si>
  <si>
    <t>DESPESAS (EXCETO INTRA-ORÇAMENTÁRIAS)</t>
  </si>
  <si>
    <t>RELAÇÃO ENTRE AS DESPESAS CORRENTES E RECEITAS CORRENTES</t>
  </si>
  <si>
    <t>Valor</t>
  </si>
  <si>
    <t>RELAÇÃO ENTRE AS DESPESAS CORRENTES E RECEITAS CORRENTES (%)  (f) = ((e) / (a) * 100)</t>
  </si>
  <si>
    <t>TRAJETÓRIA DE RETORNO AO LIMITE ESTABELECIDO NO ART. 167-A DA CF/88</t>
  </si>
  <si>
    <t>Percentual (%) do Limite Máximo (g)</t>
  </si>
  <si>
    <t>Percentual (%) que excedeu o Limite Permitido (h)</t>
  </si>
  <si>
    <t>Percentual (%) do ajuste Fiscal Previsto no Ato Normativo (i)</t>
  </si>
  <si>
    <t>Percentual (%) excedente ajustado (j)</t>
  </si>
  <si>
    <t xml:space="preserve">TRAJETÓRIA DE RETORNO AO LIMITE DO ART. 167-A DA CF/88 5 </t>
  </si>
  <si>
    <t>ANEXO 2 - RREO</t>
  </si>
  <si>
    <t>RREO - Anexo 2 (LRF, art. 52, inciso II, alínea "c")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11 - Trabalho</t>
  </si>
  <si>
    <t xml:space="preserve">      333 - Empregabilidade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3 - Ensino Profissiona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99</t>
  </si>
  <si>
    <t>200</t>
  </si>
  <si>
    <t>201</t>
  </si>
  <si>
    <t>202</t>
  </si>
  <si>
    <t>203</t>
  </si>
  <si>
    <t>204</t>
  </si>
  <si>
    <t>205</t>
  </si>
  <si>
    <t>206</t>
  </si>
  <si>
    <t>207</t>
  </si>
  <si>
    <t>208</t>
  </si>
  <si>
    <t>209</t>
  </si>
  <si>
    <t>210</t>
  </si>
  <si>
    <t>211</t>
  </si>
  <si>
    <t>212</t>
  </si>
  <si>
    <t>213</t>
  </si>
  <si>
    <t>214</t>
  </si>
  <si>
    <t>215</t>
  </si>
  <si>
    <t>216</t>
  </si>
  <si>
    <t>217</t>
  </si>
  <si>
    <t>218</t>
  </si>
  <si>
    <t>219</t>
  </si>
  <si>
    <t>220</t>
  </si>
  <si>
    <t>221</t>
  </si>
  <si>
    <t>100001</t>
  </si>
  <si>
    <t>Total</t>
  </si>
  <si>
    <t>ANEXO 3 - RREO</t>
  </si>
  <si>
    <t>RREO - Anexo 3 (LRF, art. 53, inciso I)</t>
  </si>
  <si>
    <t>ESPECIFICAÇÃO</t>
  </si>
  <si>
    <t>Total (ùltimos 12 Meses)</t>
  </si>
  <si>
    <t>Previsão Atualizada 2022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Rendimentos de Aplicações de Recursos Previdenciários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ANEXO 4 - RREO</t>
  </si>
  <si>
    <t>RREO - Anexo 4 (LRF, art. 53, inciso II)</t>
  </si>
  <si>
    <t>RECEITAS PREVIDENCIÁRIAS - RPPS (FUNDO EM CAPITALIZAÇÃO)</t>
  </si>
  <si>
    <t>Receitas Realizadas até o Bimestre (b)</t>
  </si>
  <si>
    <t>RECEITAS CORRENTES (I)</t>
  </si>
  <si>
    <t xml:space="preserve">Receita de Contribuições dos Segurados </t>
  </si>
  <si>
    <t xml:space="preserve">   Ativo </t>
  </si>
  <si>
    <t xml:space="preserve">   Inativo </t>
  </si>
  <si>
    <t xml:space="preserve">   Pensionista </t>
  </si>
  <si>
    <t xml:space="preserve">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Financeira entre os regimes</t>
  </si>
  <si>
    <t xml:space="preserve">   Receita de Aportes Periódicos para Amortização de Déficit Atuarial do RPPS (II)¹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DO FUNDO EM CAPITALIZAÇÃO - (IV) = (I + III - II)</t>
  </si>
  <si>
    <t>DESPESAS PREVIDENCIÁRIAS - RPPS (FUNDO EM CAPITALIZAÇÃO)</t>
  </si>
  <si>
    <t>Dotação Atualizada (c)</t>
  </si>
  <si>
    <t>Despesas Empenhadas até o Bimestre (d)</t>
  </si>
  <si>
    <t>Despesas Liquidadas até o Bimestre (e)</t>
  </si>
  <si>
    <t>Despesas Pagas Até o Bimestre (f)</t>
  </si>
  <si>
    <t>Inscritas em Restos a Pagar Não Processadas No Exercício (g)</t>
  </si>
  <si>
    <t>Benefícios</t>
  </si>
  <si>
    <t xml:space="preserve">   Aposentadorias</t>
  </si>
  <si>
    <t xml:space="preserve">   Pensões por Morte</t>
  </si>
  <si>
    <t>Outras Despesas Previdenciárias</t>
  </si>
  <si>
    <t xml:space="preserve">   Demais Despesas Previdenciárias</t>
  </si>
  <si>
    <t>TOTAL DAS DESPESAS DO FUNDO EM CAPITALIZAÇÃO (V)</t>
  </si>
  <si>
    <t>RESULTADO PREVIDENCIÁRIO - FUNDO EM CAPITALIZAÇÃO (VI) = (IV – V)²</t>
  </si>
  <si>
    <t>RECURSOS RPPS ARRECADADOS EM EXERCÍCIOS ANTERIORES</t>
  </si>
  <si>
    <t>Previsão Orçamentária</t>
  </si>
  <si>
    <t>VALOR</t>
  </si>
  <si>
    <t>RESERVA ORÇAMENTÁRIA DO RPPS</t>
  </si>
  <si>
    <t>APORTES DE RECURSOS PARA O FUNDO EM CAPITALIZAÇÃ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 (FUNDO EM CAPITALIZAÇÃO)</t>
  </si>
  <si>
    <t>Saldo Atual</t>
  </si>
  <si>
    <t>Caixa e Equivalentes de Caixa</t>
  </si>
  <si>
    <t>Investimentos e Aplicações</t>
  </si>
  <si>
    <t>Outros Bens e Direitos</t>
  </si>
  <si>
    <t>RECEITAS PREVIDENCIÁRIAS - RPPS (FUNDO EM REPARTIÇÃO)</t>
  </si>
  <si>
    <t>RECEITAS CORRENTES (VII)</t>
  </si>
  <si>
    <t xml:space="preserve">   Receita de Contribuições dos Segurados </t>
  </si>
  <si>
    <t xml:space="preserve">      Ativo </t>
  </si>
  <si>
    <t xml:space="preserve">      Inativo </t>
  </si>
  <si>
    <t xml:space="preserve">      Pensionista </t>
  </si>
  <si>
    <t xml:space="preserve">   Receita de Contribuições Patronais 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Financeira entre os regime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DO FUNDO EM REPARTIÇÃO (IX) = (VII + VIII)</t>
  </si>
  <si>
    <t>DESPESAS PREVIDENCIÁRIAS - RPPS (FUNDO EM REPARTIÇÃO)</t>
  </si>
  <si>
    <t xml:space="preserve">   Aposentadorias </t>
  </si>
  <si>
    <t>TOTAL DAS DESPESAS DO FUNDO EM REPARTIÇÃO (X)</t>
  </si>
  <si>
    <t>RESULTADO PREVIDENCIÁRIO - FUNDO EM REPARTIÇÃO (IX) = (VII - VIII)²</t>
  </si>
  <si>
    <t>RESULTADO PREVIDENCIÁRIO - FUNDO EM REPARTIÇÃO (XI) = (IX – X)²</t>
  </si>
  <si>
    <t>APORTES DE RECURSOS PARA O FUNDO EM REPARTIÇÃO DO RPPS</t>
  </si>
  <si>
    <t>Recursos para Cobertura de Insuficiências Financeiras</t>
  </si>
  <si>
    <t>Recursos para Formação de Reserva</t>
  </si>
  <si>
    <t>BENS E DIREITOS DO RPPS (FUNDO EM REPARTIÇÃO)</t>
  </si>
  <si>
    <t>RECEITAS DA ADMINISTRAÇÃO - RPPS</t>
  </si>
  <si>
    <t>Receitas Correntes</t>
  </si>
  <si>
    <t>TOTAL DAS RECEITAS DA ADMINISTRAÇÃO RPPS  (XII)</t>
  </si>
  <si>
    <t>DESPESAS DA ADMINISTRAÇÃO - RPPS</t>
  </si>
  <si>
    <t>Despesas Correntes (XIII)</t>
  </si>
  <si>
    <t xml:space="preserve">   Pessoal e Encargos Sociais</t>
  </si>
  <si>
    <t xml:space="preserve">   Demais Despesas Correntes</t>
  </si>
  <si>
    <t>Despesas de Capital (XIV)</t>
  </si>
  <si>
    <t>TOTAL DAS DESPESAS DA ADMINISTRAÇÃO RPPS (XV) = (XIII + XIV)</t>
  </si>
  <si>
    <t>UTILIZA DO ANTERIOR</t>
  </si>
  <si>
    <t>RESULTADO DA ADMINISTRAÇÃO RPPS (XVI) = (XII – XV)²</t>
  </si>
  <si>
    <t>BENS E DIREITOS - ADMINISTRAÇÃO DO RPPS</t>
  </si>
  <si>
    <t>RECEITAS PREVIDENCIÁRIAS (BENEFÍCIOS MANTIDOS PELO TESOURO)</t>
  </si>
  <si>
    <t xml:space="preserve">Contribuições dos Servidores </t>
  </si>
  <si>
    <t xml:space="preserve">Demais Receitas Previdenciárias </t>
  </si>
  <si>
    <t>TOTAL DAS RECEITAS  (BENEFÍCIOS MANTIDOS PELO TESOURO) (XVII)</t>
  </si>
  <si>
    <t>DESPESAS PREVIDENCIÁRIAS (BENEFÍCIOS MANTIDOS PELO TESOURO)</t>
  </si>
  <si>
    <t xml:space="preserve">Aposentadorias </t>
  </si>
  <si>
    <t>Pensões</t>
  </si>
  <si>
    <t>TOTAL DAS DESPESAS (BENEFÍCIOS MANTIDOS PELO TESOURO) (XVIII)</t>
  </si>
  <si>
    <t>RESULTADO DOS BENEFÍCIOS MANTIDOS PELO TESOURO (XIX) = (XVII - XVIII)²</t>
  </si>
  <si>
    <t>RECEITAS DE CONTRIBUIÇÃO DOS MILITARES</t>
  </si>
  <si>
    <t>Contribuição sobre a remuneração dos militares ativos</t>
  </si>
  <si>
    <t>Contribuição sobre a remuneração dos militares inativos</t>
  </si>
  <si>
    <t xml:space="preserve">Contribuição sobre a remuneração dos pensionistas </t>
  </si>
  <si>
    <t>Outras contribuições</t>
  </si>
  <si>
    <t>TOTAL DAS CONTRIBUIÇÕES DOS MILITARES (XX)</t>
  </si>
  <si>
    <t>DESPESAS COM INATIVOS E PENSIONISTAS MILITARES</t>
  </si>
  <si>
    <t>Inatividade</t>
  </si>
  <si>
    <t>Outras Despesas</t>
  </si>
  <si>
    <t xml:space="preserve">TOTAL DAS DESPESAS COM INATIVOS E PENSIONISTAS MILITARES (XXI) </t>
  </si>
  <si>
    <t>RESULTADO ASSOCIADO ÀS PENSÕES E AOS INATIVOS MILITARES (XXII) = (XX–XXI)²</t>
  </si>
  <si>
    <t>ANEXO 6 - RREO</t>
  </si>
  <si>
    <t>RREO - Anexo 6 (LRF, art 53, inciso III)</t>
  </si>
  <si>
    <t>RECEITAS PRIMÁRIAS</t>
  </si>
  <si>
    <t>Previsão Atualizada</t>
  </si>
  <si>
    <t>Até o Bimestre 2022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otação Atualizada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21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   (-) Depósitos Restituíveis e Valores Vinculados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2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ANEXO 7 - RREO</t>
  </si>
  <si>
    <t>RREO - Anexo 7 (LRF, art. 53, inciso V)</t>
  </si>
  <si>
    <t>Poder / Órgão</t>
  </si>
  <si>
    <t>Restos a Pagar Processados</t>
  </si>
  <si>
    <t>Inscritos em Exercícios Anteriores (a)</t>
  </si>
  <si>
    <t>Inscritos Em 31 de Dezembro de 2021 (b)</t>
  </si>
  <si>
    <t>Pagos (c)</t>
  </si>
  <si>
    <t>Cancelados (d)</t>
  </si>
  <si>
    <t>Saldo e=(a+b)-(c+d)</t>
  </si>
  <si>
    <t>Restos a Pagar Não Processados</t>
  </si>
  <si>
    <t>Inscritos em Exercícios Anteriores (f)</t>
  </si>
  <si>
    <t>Inscritos Em 31 de Dezembro de 2021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RREO</t>
  </si>
  <si>
    <t>RREO - Anexo 8 (LDB, art. 72)</t>
  </si>
  <si>
    <t>RECEITA RESULTANTE DE IMPOSTOS</t>
  </si>
  <si>
    <t>1- RECEITA DE IMPOSTOS</t>
  </si>
  <si>
    <t xml:space="preserve">       1.1- Receita Resultante do Imposto sobre a Circulação de Mercadorias e Serviços de Transporte Interestadual e Intermunicipal e de Comunicação – ICMS</t>
  </si>
  <si>
    <t xml:space="preserve">             1.1.1- ICMS - Principal e Encargos (Multas, Juros de Mora, Divida Ativa e Outros Encargos do ICMS)</t>
  </si>
  <si>
    <t xml:space="preserve">             1.1.2- Adicional de até 2% do ICMS destinado ao Fundo de Combate à Pobreza (ADCT, art. 82, §1º)</t>
  </si>
  <si>
    <t xml:space="preserve">       1.2- Receita Resultante do Imposto de Transmissão Causa Mortis e Doação de Bens e Direitos – ITCD</t>
  </si>
  <si>
    <t xml:space="preserve">       1.3- Receita Resultante do Imposto sobre a Propriedade de Veículos Automotores – IPVA</t>
  </si>
  <si>
    <t xml:space="preserve">       1.4- Receita Resultante do Imposto sobre a Renda e Proventos de Qualquer Natureza Retido na Fonte – IRRF</t>
  </si>
  <si>
    <t xml:space="preserve">2- RECEITA DE TRANSFERÊNCIAS CONSTITUCIONAIS E LEGAIS </t>
  </si>
  <si>
    <t xml:space="preserve">       2.1- Cota-Parte FPE </t>
  </si>
  <si>
    <t xml:space="preserve">       2.2- Cota-Parte IPI-Exportação </t>
  </si>
  <si>
    <t xml:space="preserve">       2.3- Cota-Parte IOF-Ouro </t>
  </si>
  <si>
    <t xml:space="preserve">       2.4- Compensações Financeiras Provenientes de Impostos e Transferências Constitucionais</t>
  </si>
  <si>
    <t>3- DEDUÇÕES DE TRANSFERÊNCIAS CONSTITUCIONAIS AOS MUNICÍPIOS</t>
  </si>
  <si>
    <t xml:space="preserve">       3.1- PARCELA DO ICMS REPASSADA AOS MUNICÍPIOS (25% de 1.1.1)</t>
  </si>
  <si>
    <t xml:space="preserve">       3.2- PARCELA DO IPVA REPASSADA AOS MUNICÍPIOS (50% de 1.3)</t>
  </si>
  <si>
    <t xml:space="preserve">       3.3- PARCELA DA COTA-PARTE DO IPI-EXPORTAÇÃO REPASSADA AOS MUNICÍPIOS (25% de 2.2)</t>
  </si>
  <si>
    <t>4- TOTAL DA RECEITA LÍQUIDA RESULTANTE DE IMPOSTOS (1 + 2 - 3)</t>
  </si>
  <si>
    <t>5- TOTAL DESTINADO AO FUNDEB - 20% DE ((1.1 - 3.1) + (1.2) + (1.3 - 3.2) + (2.1) + (2.2 - 3.3))</t>
  </si>
  <si>
    <t>6- VALOR MÍNIMO A SER APLICADO ALÉM DO VALOR DESTINADO AO FUNDEB - 5% DE ((1.1 - 3.1) + (1.2) + (1.3 - 3.2) + (2.1) + (2.2 - 3.3)) + 25% DE (1.4 + 2.3 + 2.4)</t>
  </si>
  <si>
    <t>RECEITAS RECEBIDAS DO FUNDEB NO EXERCÍCIO</t>
  </si>
  <si>
    <t>7- RECEITAS RECEBIDAS DO FUNDEB</t>
  </si>
  <si>
    <t xml:space="preserve">    7.1- FUNDEB - Impostos e Transferências de Impostos</t>
  </si>
  <si>
    <t xml:space="preserve">          7.1.1- Principal</t>
  </si>
  <si>
    <t xml:space="preserve">          7.1.2- Rendimentos de Aplicação Financeira</t>
  </si>
  <si>
    <t xml:space="preserve">    7.2- FUNDEB - Complementação da União - VAAF</t>
  </si>
  <si>
    <t xml:space="preserve">          7.2.1- Principal</t>
  </si>
  <si>
    <t xml:space="preserve">          7.2.2- Rendimentos de Aplicação Financeira</t>
  </si>
  <si>
    <t xml:space="preserve">    7.3- FUNDEB - Complementação da União - VAAT</t>
  </si>
  <si>
    <t xml:space="preserve">          7.3.1- Principal</t>
  </si>
  <si>
    <t xml:space="preserve">          7.3.2- Rendimentos de Aplicação Financeira</t>
  </si>
  <si>
    <t>8- RESULTADO LÍQUIDO DAS TRANSFERÊNCIAS DO FUNDEB (7.1.1 – 5)¹</t>
  </si>
  <si>
    <t>RECURSOS RECEBIDOS EM EXERCÍCIOS ANTERIORES E NÃO UTILIZADOS (SUPERÁVIT)</t>
  </si>
  <si>
    <t>9- TOTAL DOS RECURSOS DE SUPERÁVIT</t>
  </si>
  <si>
    <t xml:space="preserve">  9.1- SUPERÁVIT DO EXERCÍCIO IMEDIATAMENTE ANTERIOR</t>
  </si>
  <si>
    <t xml:space="preserve">  9.2- SUPERÁVIT RESIDUAL DE OUTROS EXERCÍCIOS</t>
  </si>
  <si>
    <t>10- TOTAL DOS RECURSOS DO FUNDEB DISPONÍVEIS PARA UTILIZAÇÃO (7 + 9)</t>
  </si>
  <si>
    <t>DESPESAS COM RECURSOS DO FUNDEB (POR ÁREA DE ATUAÇÃO)6</t>
  </si>
  <si>
    <t>Inscritas em Restos a Pagar Não Processados (g)</t>
  </si>
  <si>
    <t>11- PROFISSIONAIS DA EDUCAÇÃO BÁSICA</t>
  </si>
  <si>
    <t xml:space="preserve">      11.1- Ensino Fundamental </t>
  </si>
  <si>
    <t xml:space="preserve">      11.2- Ensino Médio </t>
  </si>
  <si>
    <t>12- OUTRAS DESPESAS</t>
  </si>
  <si>
    <t xml:space="preserve">      12.1- Ensino Fundamental </t>
  </si>
  <si>
    <t xml:space="preserve">      12.2- Ensino Médio</t>
  </si>
  <si>
    <t>13- TOTAL DAS DESPESAS COM RECURSOS DO FUNDEB (11 + 12)</t>
  </si>
  <si>
    <t>DESPESAS CUSTEADAS COM RECEITAS DO FUNDEB RECEBIDAS NO EXERCÍCIO</t>
  </si>
  <si>
    <t>Inscritas Em Restos A Pagar Não Processados (Sem Disponibilidade de Caixa)7 (h)</t>
  </si>
  <si>
    <t>14- Total das Despesas do FUNDEB com Profissionais da Educação Básica</t>
  </si>
  <si>
    <t>15- Total das Despesas custeadas com FUNDEB - Impostos e Transferências de Impostos</t>
  </si>
  <si>
    <t>16- Total das Despesas custeadas com FUNDEB - Complementação da União - VAAF</t>
  </si>
  <si>
    <t>17- Total das Despesas custeadas com FUNDEB - Complementação da União - VAAT</t>
  </si>
  <si>
    <t>18- Total das Despesas custeadas com FUNDEB - Complementação da União - VAAT Aplicadas em Despesa de Capital</t>
  </si>
  <si>
    <t>INDICADORES - ART. 212-A, INCISO XI E § 3º - CONSTITUIÇÃO FEDERAL2</t>
  </si>
  <si>
    <t>Valor Exigido (i)</t>
  </si>
  <si>
    <t>Valor Aplicado (j)</t>
  </si>
  <si>
    <t>Valor Considerado Após Deduções (k)</t>
  </si>
  <si>
    <t>% Aplicado (l)</t>
  </si>
  <si>
    <t>19- Mínimo de 70% do FUNDEB na Remuneração dos Profissionais da Educação Básica</t>
  </si>
  <si>
    <t>20- Mínimo de 15% da Complementação da União ao FUNDEB - VAAT em Despesas de Capital</t>
  </si>
  <si>
    <t>INDICADOR - ART.25, § 3º - LEI Nº 14.113, DE 2020 - (MÁXIMO DE 10% DE SUPERÁVIT)3</t>
  </si>
  <si>
    <t>Valor Máximo Permitido (m)</t>
  </si>
  <si>
    <t>Valor Não Aplicado (n)</t>
  </si>
  <si>
    <t>Valor Não Aplicado Após Ajuste (o)</t>
  </si>
  <si>
    <t>% Não Aplicado (p)</t>
  </si>
  <si>
    <t xml:space="preserve">21- Total da Receita Recebida e não Aplicada no Exercício </t>
  </si>
  <si>
    <t>INDICADOR - ART.25, § 3º - LEI Nº 14.113, DE 2020 - (APLICAÇÃO DO SUPERÁVIT DE EXERCÍCIO ANTERIOR)3</t>
  </si>
  <si>
    <t>Valor de Superávit Permitido No Exercício 2021 (q)</t>
  </si>
  <si>
    <t>Valor Não Aplicado No Exercício 2021 (r)</t>
  </si>
  <si>
    <t>Valor de Superávit Aplicado Até o Primeiro Quadrimestre (s)</t>
  </si>
  <si>
    <t>Valor Aplicado Até o Primeiro Quadrimestre Que Integrará o Limite Constitucional (t)</t>
  </si>
  <si>
    <t>Valor Aplicado Após o Primeiro Quadrimestre (u)</t>
  </si>
  <si>
    <t>VALOR NÃO APLICADO (v) = (r) - (s) - (u)</t>
  </si>
  <si>
    <t>22- Total das Despesas custeadas com Superávit do FUNDEB</t>
  </si>
  <si>
    <t xml:space="preserve">   22.1- Total das Despesas custeadas com FUNDEB - Impostos e Transferências de Impostos</t>
  </si>
  <si>
    <t xml:space="preserve">   22.2- Total das Despesas custeadas com FUNDEB - Complementação da União (VAAF + VAAT)</t>
  </si>
  <si>
    <t>DESPESAS COM AÇÕES TÍPICAS DE MDE - RECEITAS DE IMPOSTOS - EXCETO FUNDEB (POR ÁREA DE ATUAÇÃO)6</t>
  </si>
  <si>
    <t>23- EDUCAÇÃO INFANTIL</t>
  </si>
  <si>
    <t xml:space="preserve">      23.1- Creche</t>
  </si>
  <si>
    <t xml:space="preserve">      23.2- Pré-escola</t>
  </si>
  <si>
    <t xml:space="preserve">24- ENSINO FUNDAMENTAL </t>
  </si>
  <si>
    <t xml:space="preserve">25- ENSINO MÉDIO </t>
  </si>
  <si>
    <t>26- ENSINO SUPERIOR</t>
  </si>
  <si>
    <t>27- ENSINO PROFISSIONAL NÃO INTEGRADO AO ENSINO REGULAR</t>
  </si>
  <si>
    <t>28- TOTAL DAS DESPESAS COM AÇÕES TÍPICAS DE MDE (23 + 24 + 25 + 26 + 27)</t>
  </si>
  <si>
    <t>APURAÇÃO DAS DESPESAS PARA FINS DE LIMITE MÍNIMO CONSTITUCIONAL</t>
  </si>
  <si>
    <t>29- TOTAL DAS DESPESAS DE MDE CUSTEADAS COM RECURSOS DE IMPOSTOS (FUNDEB E RECEITA DE IMPOSTOS) = (L15(d ou e) + L28(d ou e) + L22.1(t))</t>
  </si>
  <si>
    <t>30 (-) RESULTADO LÍQUIDO DAS TRANSFERÊNCIAS DO FUNDEB = (L8)</t>
  </si>
  <si>
    <t>31 (-) RESTOS A PAGAR NÃO PROCESSADOS INSCRITOS NO EXERCÍCIO SEM DISPONIBILIDADE FINANCEIRA DE RECURSOS DO FUNDEB IMPOSTOS4 = (L15h)</t>
  </si>
  <si>
    <t>32 (-) RESTOS A PAGAR NÃO PROCESSADOS INSCRITOS NO EXERCÍCIO SEM DISPONIBILIDADE FINANCEIRA DE RECURSOS DE IMPOSTOS4 e 7</t>
  </si>
  <si>
    <t xml:space="preserve">33 (-) CANCELAMENTO, NO EXERCÍCIO, DE RESTOS A PAGAR INSCRITOS COM DISPONIBILIDADE FINANCEIRA DE RECURSOS DE IMPOSTOS VINCULADOS AO ENSINO = (L37.1(ac) + L37.2(ac)) </t>
  </si>
  <si>
    <t>35- TOTAL DAS DESPESAS PARA FINS DE LIMITE  (29 – (30 + 31 + 32 + 33))</t>
  </si>
  <si>
    <t>APURAÇÃO DO LIMITE MÍNIMO CONSTITUCIONAL2 E 5</t>
  </si>
  <si>
    <t>Valor Exigido (x)</t>
  </si>
  <si>
    <t>Valor Aplicado (w)</t>
  </si>
  <si>
    <t>% Aplicado (y)</t>
  </si>
  <si>
    <t>36- APLICAÇÃO EM MDE SOBRE A RECEITA LÍQUIDA RESULTANTE DE IMPOSTOS</t>
  </si>
  <si>
    <t>RESTOS A PAGAR INSCRITOS EM EXERCÍCIOS ANTERIORES COM DISPONIBILIDADE FINANCEIRA DE RECURSOS DE IMPOSTOS E DO FUNDEB8</t>
  </si>
  <si>
    <t>Saldo Inicial (z)</t>
  </si>
  <si>
    <t>RP Liquidados (aa)</t>
  </si>
  <si>
    <t>RP Pagos (ab)</t>
  </si>
  <si>
    <t>RP Cancelados (ac)</t>
  </si>
  <si>
    <t>SALDO FINAL (ad) = (z) – (ab) – (ac)</t>
  </si>
  <si>
    <t>37- RESTOS A PAGAR DE DESPESAS COM MDE</t>
  </si>
  <si>
    <t xml:space="preserve">   37.1 - Executadas com Recursos de Impostos e Transferências de Impostos</t>
  </si>
  <si>
    <t xml:space="preserve">   37.2 - Executadas com Recursos do FUNDEB - Impostos</t>
  </si>
  <si>
    <t xml:space="preserve">   37.3 - Executadas com Recursos do FUNDEB - Complementação da União (VAAT + VAAF)</t>
  </si>
  <si>
    <t>RECEITAS ADICIONAIS PARA FINANCIAMENTO DO ENSINO</t>
  </si>
  <si>
    <t>38- RECEITA DE TRANSFERÊNCIAS DO FNDE (INCLUINDO RENDIMENTOS DE APLICAÇÃO FINANCEIRA)</t>
  </si>
  <si>
    <t xml:space="preserve">       38.1- Salário-Educação</t>
  </si>
  <si>
    <t xml:space="preserve">       38.2- PDDE</t>
  </si>
  <si>
    <t xml:space="preserve">       38.3- PNAE</t>
  </si>
  <si>
    <t xml:space="preserve">       38.4 - PNATE</t>
  </si>
  <si>
    <t xml:space="preserve">       38.5- Outras Transferências do FNDE</t>
  </si>
  <si>
    <t>39- RECEITA DE TRANSFERÊNCIAS DE CONVÊNIOS</t>
  </si>
  <si>
    <t>40- RECEITA DE ROYALTIES DESTINADOS À EDUCAÇÃO</t>
  </si>
  <si>
    <t>41- RECEITA DE OPERAÇÕES DE CRÉDITO VINCULADAS À EDUCAÇÃO</t>
  </si>
  <si>
    <t>42- OUTRAS RECEITAS PARA FINANCIAMENTO DO ENSINO</t>
  </si>
  <si>
    <t>43- TOTAL DAS RECEITAS ADICIONAIS PARA FINANCIAMENTO DO ENSINO = (38 + 39 + 40 + 41 + 42)</t>
  </si>
  <si>
    <t>OUTRAS DESPESAS COM EDUCAÇÃO (POR ÁREA DE ATUAÇÃO)6</t>
  </si>
  <si>
    <t>44- EDUCAÇÃO INFANTIL</t>
  </si>
  <si>
    <t xml:space="preserve">      44.1- Creche</t>
  </si>
  <si>
    <t xml:space="preserve">      44.2- Pré-escola</t>
  </si>
  <si>
    <t xml:space="preserve">45- ENSINO FUNDAMENTAL </t>
  </si>
  <si>
    <t xml:space="preserve">46- ENSINO MÉDIO </t>
  </si>
  <si>
    <t>47- ENSINO SUPERIOR</t>
  </si>
  <si>
    <t>48- ENSINO PROFISSIONAL NÃO INTEGRADO AO ENSINO REGULAR</t>
  </si>
  <si>
    <t>49- TOTAL DAS DESPESAS CUSTEADAS COM RECEITAS ADICIONAIS PARA FINANCIAMENTO DO ENSINO (44 + 45 + 46 + 47 + 48)</t>
  </si>
  <si>
    <t>TOTAL GERAL DAS DESPESAS COM EDUCAÇÃO</t>
  </si>
  <si>
    <t>50- TOTAL GERAL DAS DESPESAS COM EDUCAÇÃO (13 + 28 + 49)</t>
  </si>
  <si>
    <t xml:space="preserve">   50.1- Despesas Correntes</t>
  </si>
  <si>
    <t xml:space="preserve">         50.1.1 - Pessoal Ativo</t>
  </si>
  <si>
    <t xml:space="preserve">         50.1.2 - Pessoal Inativo</t>
  </si>
  <si>
    <t xml:space="preserve">         50.1.3 -Transferências às instituições comunitárias, confessionais ou filantrópicas sem fins lucrativos</t>
  </si>
  <si>
    <t xml:space="preserve">         50.1.4 -Outras Despesas Correntes</t>
  </si>
  <si>
    <t xml:space="preserve">   50.2- Despesas de Capital</t>
  </si>
  <si>
    <t xml:space="preserve">         50.2.1 -Transferências às instituições comunitárias, confessionais ou filantrópicas sem fins lucrativos</t>
  </si>
  <si>
    <t xml:space="preserve">         50.2.2 -Outras Despesas de Capital</t>
  </si>
  <si>
    <t>CONTROLE DA DISPONIBILIDADE FINANCEIRA E CONCILIAÇÃO BANCÁRIA</t>
  </si>
  <si>
    <t>FUNDEB (ae)</t>
  </si>
  <si>
    <t>Salário Educação (af)</t>
  </si>
  <si>
    <t xml:space="preserve">   51- DISPONIBILIDADE FINANCEIRA EM 31 DE DEZEMBRO DE 2021</t>
  </si>
  <si>
    <t xml:space="preserve">   52- (+) INGRESSO DE RECURSOS ATÉ O BIMESTRE (orçamentário)</t>
  </si>
  <si>
    <t xml:space="preserve">   53- (-) PAGAMENTOS EFETUADOS ATÉ O BIMESTRE (orçamentário e restos a pagar)</t>
  </si>
  <si>
    <t>54- (=) DISPONIBILIDADE FINANCEIRA ATÉ O BIMESTRE</t>
  </si>
  <si>
    <t>55- (+) AJUSTES POSITIVOS ( RETENÇÕES E OUTROS VALORES EXTRAORÇAMENTÁRIOS)</t>
  </si>
  <si>
    <t>56- (-) AJUSTES NEGATIVOS (OUTROS VALORES EXTRAORÇAMENTÁRIOS)</t>
  </si>
  <si>
    <t>57- (=) SALDO FINANCEIRO CONCILIADO (Saldo Bancário)</t>
  </si>
  <si>
    <t>ANEXO 8.4 - RREO</t>
  </si>
  <si>
    <t>RREO - Anexo 8.1 (Portaria STN nº 72/2012, art. 11, II, b)</t>
  </si>
  <si>
    <t>DESPESAS COM EDUCAÇÃO EXECUTADAS EM CONSÓRCIO PÚBLICO</t>
  </si>
  <si>
    <t>Valores Transferidos por Contrato de Rateio (a)</t>
  </si>
  <si>
    <t>Despesas Empenhadas Até o Bimestre (b)</t>
  </si>
  <si>
    <t>Despesas Liquidadas até o Bimestre (c)</t>
  </si>
  <si>
    <t>Despesas Pagas Até o Bimestre (d)</t>
  </si>
  <si>
    <t>Inscritas em Restos a Pagar Não Processados (e)</t>
  </si>
  <si>
    <t>EDUCAÇÃO INFANTIL (I)</t>
  </si>
  <si>
    <t xml:space="preserve">       Despesas com MDE Custeadas com Recursos do FUNDEB - Impostos e Transferências de Impostos</t>
  </si>
  <si>
    <t xml:space="preserve">       Despesas com MDE Custeadas com Recursos do FUNDEB - Complementação da União - VAAF</t>
  </si>
  <si>
    <t xml:space="preserve">       Despesas com MDE Custeadas com Recursos do FUNDEB - Complementação da União - VAAT</t>
  </si>
  <si>
    <t xml:space="preserve">       Despesas com MDE Custeadas com Outros Receitas de Impostos</t>
  </si>
  <si>
    <t xml:space="preserve">       Despesas com MDE Custeadas com outros Recursos destinados à Educação</t>
  </si>
  <si>
    <t>ENSINO FUNDAMENTAL (II)</t>
  </si>
  <si>
    <t xml:space="preserve">       Despesas Custeadas com outros Recursos destinados à Educação</t>
  </si>
  <si>
    <t>ENSINO MÉDIO (III)</t>
  </si>
  <si>
    <t>ENSINO SUPERIOR (IV)</t>
  </si>
  <si>
    <t>ENSINO PROFISSIONAL NÃO INTEGRADO AO ENSINO REGULAR (V)</t>
  </si>
  <si>
    <t>TOTAL DAS DESPESAS COM EDUCAÇÃO VII = (I + II + III + IV + V)</t>
  </si>
  <si>
    <t>ANEXO 12 - RREO</t>
  </si>
  <si>
    <t>RREO - Anexo 12 (LC n° 141/2012 art.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2 (saldo final = XXd)</t>
  </si>
  <si>
    <t>Diferença de limite não cumprido em 2021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II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2 (regra nova)</t>
  </si>
  <si>
    <t>Empenhos de 2021 (regra nova)</t>
  </si>
  <si>
    <t>Empenhos de 2020 (regra nova)</t>
  </si>
  <si>
    <t>Empenhos de 2019</t>
  </si>
  <si>
    <t>Empenhos de 2018 e Anteriores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2 a serem compensados (XXV) (saldo inicial = XXIV)</t>
  </si>
  <si>
    <t xml:space="preserve"> Restos a pagar cancelados ou prescritos em 2021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ANEXO 12.4 - RREO</t>
  </si>
  <si>
    <t>RREO - Anexo 12.1 (LC nº 141/2012, art. 35 e Portaria STN nº 72/2012, Art. 11, II, b.)</t>
  </si>
  <si>
    <t>DESPESAS COM AÇÕES E SERVIÇOS PÚBLICOS DE SAÚDE (ASPS) –  POR SUBFUNÇÃO E CATEGORIA ECONÔMICA EXECUTADAS EM CONSÓRCIO PÚBLICO</t>
  </si>
  <si>
    <t>% (c/a) x 100</t>
  </si>
  <si>
    <t>% (d/a) x 100</t>
  </si>
  <si>
    <t>ATENÇÃO BÁSICA  (I)</t>
  </si>
  <si>
    <t xml:space="preserve">   Despesas Correntes</t>
  </si>
  <si>
    <t xml:space="preserve">   Despesas de Capital</t>
  </si>
  <si>
    <t>ASSISTÊNCIA HOSPITALAR E AMBULATORIAL  (II)</t>
  </si>
  <si>
    <t xml:space="preserve">   Despesas de Capital </t>
  </si>
  <si>
    <t>SUPORTE PROFILÁTICO E TERAPÊUTICO  (III)</t>
  </si>
  <si>
    <t>VIGILÂNCIA SANITÁRIA  (IV)</t>
  </si>
  <si>
    <t>VIGILÂNCIA EPIDEMIOLÓGICA  (V)</t>
  </si>
  <si>
    <t>ALIMENTAÇÃO E NUTRIÇÃO   (VI)</t>
  </si>
  <si>
    <t xml:space="preserve">   Despesas Correntes </t>
  </si>
  <si>
    <t>OUTRAS SUBFUNÇÕES (VII)</t>
  </si>
  <si>
    <t>TOTAL DAS DESPESAS COM ASPS EXECUTADAS EM CONSÓRCIO PÚBLICO (VIII) = (I + II + III + IV + V + VI + VII)</t>
  </si>
  <si>
    <t>DEDUÇÕES DA DESPESA COM ASPS</t>
  </si>
  <si>
    <t>Restos a Pagar Não Processados Inscritos Indevidamente no Exercício sem Disponibilidade Financeira (IX)</t>
  </si>
  <si>
    <t>Despesas Custeadas com Recursos Vinculados à Parcela do Percentual Mínimo que não foi Aplicada em ASPS em Exercícios Anteriores (X)</t>
  </si>
  <si>
    <t>Despesas Custeadas com Disponibilidade de Caixa Vinculada aos Restos a Pagar Cancelados (XI)</t>
  </si>
  <si>
    <t>VALOR APLICADO EM ASPS (XII) = (VIII - IX - X - XI)</t>
  </si>
  <si>
    <t>ANEXO 13 - RREO</t>
  </si>
  <si>
    <t>RREO - Anexo 13 (Lei nº 11.079, de 30.12.2004, arts. 22, 25 e 28)</t>
  </si>
  <si>
    <t>IMPACTOS DAS CONTRATAÇÕES DE PPP</t>
  </si>
  <si>
    <t>SALDO TOTAL EM 31 DE DEZEMBRO DO EXERCÍCIO ANTERIOR</t>
  </si>
  <si>
    <t>SALDO FINAL</t>
  </si>
  <si>
    <t xml:space="preserve">Até o Bimestre 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3</t>
  </si>
  <si>
    <t>Ano 2024</t>
  </si>
  <si>
    <t>Ano 2025</t>
  </si>
  <si>
    <t>Ano 2026</t>
  </si>
  <si>
    <t>Ano 2027</t>
  </si>
  <si>
    <t>Ano 2028</t>
  </si>
  <si>
    <t>Ano 2029</t>
  </si>
  <si>
    <t>Ano 2030</t>
  </si>
  <si>
    <t>Ano 2031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ANEXO 14 - RREO</t>
  </si>
  <si>
    <t>RREO - Anexo 14 (LRF, art. 48)</t>
  </si>
  <si>
    <t>BALANÇO ORÇAMENTÁRIO</t>
  </si>
  <si>
    <t>Até o Bimestre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 E DO SISTEMA DE PROTEÇÃO SOCIAL DOS MILITARES</t>
  </si>
  <si>
    <t>Fundo em Capitalização (PLANO PREVIDENCIÁRIO)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Despesas Previdenciárias Pagas</t>
  </si>
  <si>
    <t xml:space="preserve">    Resultado Previdenciário</t>
  </si>
  <si>
    <t>Fundo em Repartição (PLANO FINANCEIRO)</t>
  </si>
  <si>
    <t>Sistema de Proteção Social dos Militares - Inativos e Pensionistas</t>
  </si>
  <si>
    <t xml:space="preserve">    Receitas Realizadas</t>
  </si>
  <si>
    <t xml:space="preserve">    Despesas Empenhadas</t>
  </si>
  <si>
    <t xml:space="preserve">    Despesas Liquidadas</t>
  </si>
  <si>
    <t xml:space="preserve">    Despesas Pagas</t>
  </si>
  <si>
    <t xml:space="preserve">    Resultado Associado às Pensões e aos Inativos Militare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70% do FUNDEB na Remuneração dos Profissionais da Educação Básica;</t>
  </si>
  <si>
    <t>Percentual de 50% da Complementação da União ao FUNDEB (VAAT) na Educação Infantil;</t>
  </si>
  <si>
    <t>Mínimo de 15% da Complementação da União ao FUNDEB (VAAT) em Despesas de Capital.</t>
  </si>
  <si>
    <t>RECEITAS DE OPERAÇÕES DE CRÉDITO E DESPESAS DE CAPITAL</t>
  </si>
  <si>
    <t>Valor Apurado No Exercício</t>
  </si>
  <si>
    <t>Saldo Não Realizado</t>
  </si>
  <si>
    <t>Receitas de Operações de Crédito</t>
  </si>
  <si>
    <t>Despesa de Capital Líquida</t>
  </si>
  <si>
    <t>PROJEÇÃO ATUARIAL DOS REGIMES DE PREVIDÊNCIA E DO SISTEMA DE PROTEÇÃO SOCIAL DOS MILITARES</t>
  </si>
  <si>
    <t>Exercício</t>
  </si>
  <si>
    <t>10º Exercício</t>
  </si>
  <si>
    <t>20º Exercício</t>
  </si>
  <si>
    <t>35º Exercício</t>
  </si>
  <si>
    <t>Fundo em Capitalização (Plano Previdenciário)</t>
  </si>
  <si>
    <t xml:space="preserve">    Receitas Previdenciárias</t>
  </si>
  <si>
    <t xml:space="preserve">    Despesas Previdenciárias</t>
  </si>
  <si>
    <t>Fundo em Repartição (Plano Financeiro)</t>
  </si>
  <si>
    <t>Pensões e Inativos Militares</t>
  </si>
  <si>
    <t xml:space="preserve">    Receitas de Contribuições</t>
  </si>
  <si>
    <t xml:space="preserve">    Despesas com Pensões e Inativos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0" fillId="0" borderId="0" xfId="1" applyFont="1"/>
    <xf numFmtId="43" fontId="2" fillId="0" borderId="0" xfId="1" applyFont="1" applyAlignment="1">
      <alignment horizontal="right" vertical="center"/>
    </xf>
    <xf numFmtId="43" fontId="1" fillId="2" borderId="1" xfId="1" applyFont="1" applyFill="1" applyBorder="1" applyAlignment="1">
      <alignment horizontal="center" vertical="center" wrapText="1"/>
    </xf>
    <xf numFmtId="43" fontId="1" fillId="2" borderId="1" xfId="1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202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140625" bestFit="1" customWidth="1"/>
    <col min="5" max="5" width="19" bestFit="1" customWidth="1"/>
    <col min="6" max="7" width="20.140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4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4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4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4" x14ac:dyDescent="0.25">
      <c r="A12" s="3" t="s">
        <v>17</v>
      </c>
      <c r="B12" s="5" t="s">
        <v>18</v>
      </c>
      <c r="C12" s="11">
        <v>16535787500</v>
      </c>
      <c r="D12" s="11">
        <v>17333395010.77</v>
      </c>
      <c r="E12" s="11">
        <v>3467758729.1199999</v>
      </c>
      <c r="F12" s="11">
        <v>20.010000000000002</v>
      </c>
      <c r="G12" s="11">
        <v>13472342529.57</v>
      </c>
      <c r="H12" s="11">
        <v>77.72</v>
      </c>
      <c r="I12" s="11">
        <v>3861052481.1999998</v>
      </c>
      <c r="J12" s="12"/>
      <c r="K12" s="12"/>
      <c r="L12" s="12"/>
      <c r="M12" s="12"/>
      <c r="N12" s="12"/>
    </row>
    <row r="13" spans="1:14" x14ac:dyDescent="0.25">
      <c r="A13" s="3" t="s">
        <v>19</v>
      </c>
      <c r="B13" s="5" t="s">
        <v>20</v>
      </c>
      <c r="C13" s="11">
        <v>16083394700</v>
      </c>
      <c r="D13" s="11">
        <v>16607893888.77</v>
      </c>
      <c r="E13" s="11">
        <v>3369523331.1399999</v>
      </c>
      <c r="F13" s="11">
        <v>20.29</v>
      </c>
      <c r="G13" s="11">
        <v>13252535301.129999</v>
      </c>
      <c r="H13" s="11">
        <v>79.8</v>
      </c>
      <c r="I13" s="11">
        <v>3355358587.6399999</v>
      </c>
      <c r="J13" s="12"/>
      <c r="K13" s="12"/>
      <c r="L13" s="12"/>
      <c r="M13" s="12"/>
      <c r="N13" s="12"/>
    </row>
    <row r="14" spans="1:14" x14ac:dyDescent="0.25">
      <c r="A14" s="3" t="s">
        <v>21</v>
      </c>
      <c r="B14" s="5" t="s">
        <v>22</v>
      </c>
      <c r="C14" s="11">
        <v>9285340000</v>
      </c>
      <c r="D14" s="11">
        <v>9689635283.7700005</v>
      </c>
      <c r="E14" s="11">
        <v>1865749866.7</v>
      </c>
      <c r="F14" s="11">
        <v>19.260000000000002</v>
      </c>
      <c r="G14" s="11">
        <v>7122528982.0100002</v>
      </c>
      <c r="H14" s="11">
        <v>73.510000000000005</v>
      </c>
      <c r="I14" s="11">
        <v>2567106301.7600002</v>
      </c>
      <c r="J14" s="12"/>
      <c r="K14" s="12"/>
      <c r="L14" s="12"/>
      <c r="M14" s="12"/>
      <c r="N14" s="12"/>
    </row>
    <row r="15" spans="1:14" x14ac:dyDescent="0.25">
      <c r="A15" s="2" t="s">
        <v>23</v>
      </c>
      <c r="B15" s="4" t="s">
        <v>24</v>
      </c>
      <c r="C15" s="13">
        <v>8927809600</v>
      </c>
      <c r="D15" s="13">
        <v>9332104883.7700005</v>
      </c>
      <c r="E15" s="13">
        <v>1787299247.6099999</v>
      </c>
      <c r="F15" s="13">
        <v>19.149999999999999</v>
      </c>
      <c r="G15" s="13">
        <v>6870665509.71</v>
      </c>
      <c r="H15" s="13">
        <v>73.62</v>
      </c>
      <c r="I15" s="13">
        <v>2461439374.0599999</v>
      </c>
      <c r="J15" s="12"/>
      <c r="K15" s="12"/>
      <c r="L15" s="12"/>
      <c r="M15" s="12"/>
      <c r="N15" s="12"/>
    </row>
    <row r="16" spans="1:14" x14ac:dyDescent="0.25">
      <c r="A16" s="2" t="s">
        <v>25</v>
      </c>
      <c r="B16" s="4" t="s">
        <v>26</v>
      </c>
      <c r="C16" s="13">
        <v>357530400</v>
      </c>
      <c r="D16" s="13">
        <v>357530400</v>
      </c>
      <c r="E16" s="13">
        <v>78450619.090000004</v>
      </c>
      <c r="F16" s="13">
        <v>21.94</v>
      </c>
      <c r="G16" s="13">
        <v>251863472.30000001</v>
      </c>
      <c r="H16" s="13">
        <v>70.45</v>
      </c>
      <c r="I16" s="13">
        <v>105666927.7</v>
      </c>
      <c r="J16" s="12"/>
      <c r="K16" s="12"/>
      <c r="L16" s="12"/>
      <c r="M16" s="12"/>
      <c r="N16" s="12"/>
    </row>
    <row r="17" spans="1:14" x14ac:dyDescent="0.25">
      <c r="A17" s="2" t="s">
        <v>27</v>
      </c>
      <c r="B17" s="4" t="s">
        <v>28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  <c r="J17" s="12"/>
      <c r="K17" s="12"/>
      <c r="L17" s="12"/>
      <c r="M17" s="12"/>
      <c r="N17" s="12"/>
    </row>
    <row r="18" spans="1:14" x14ac:dyDescent="0.25">
      <c r="A18" s="3" t="s">
        <v>29</v>
      </c>
      <c r="B18" s="5" t="s">
        <v>30</v>
      </c>
      <c r="C18" s="11">
        <v>700627100</v>
      </c>
      <c r="D18" s="11">
        <v>736287100</v>
      </c>
      <c r="E18" s="11">
        <v>180012296.94999999</v>
      </c>
      <c r="F18" s="11">
        <v>24.45</v>
      </c>
      <c r="G18" s="11">
        <v>749416762.73000002</v>
      </c>
      <c r="H18" s="11">
        <v>101.78</v>
      </c>
      <c r="I18" s="11">
        <v>-13129662.73</v>
      </c>
      <c r="J18" s="12"/>
      <c r="K18" s="12"/>
      <c r="L18" s="12"/>
      <c r="M18" s="12"/>
      <c r="N18" s="12"/>
    </row>
    <row r="19" spans="1:14" x14ac:dyDescent="0.25">
      <c r="A19" s="2" t="s">
        <v>31</v>
      </c>
      <c r="B19" s="4" t="s">
        <v>32</v>
      </c>
      <c r="C19" s="13">
        <v>700627100</v>
      </c>
      <c r="D19" s="13">
        <v>736287100</v>
      </c>
      <c r="E19" s="13">
        <v>180012296.94999999</v>
      </c>
      <c r="F19" s="13">
        <v>24.45</v>
      </c>
      <c r="G19" s="13">
        <v>749416762.73000002</v>
      </c>
      <c r="H19" s="13">
        <v>101.78</v>
      </c>
      <c r="I19" s="13">
        <v>-13129662.73</v>
      </c>
      <c r="J19" s="12"/>
      <c r="K19" s="12"/>
      <c r="L19" s="12"/>
      <c r="M19" s="12"/>
      <c r="N19" s="12"/>
    </row>
    <row r="20" spans="1:14" x14ac:dyDescent="0.25">
      <c r="A20" s="2" t="s">
        <v>33</v>
      </c>
      <c r="B20" s="4" t="s">
        <v>34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  <c r="I20" s="13">
        <v>0</v>
      </c>
      <c r="J20" s="12"/>
      <c r="K20" s="12"/>
      <c r="L20" s="12"/>
      <c r="M20" s="12"/>
      <c r="N20" s="12"/>
    </row>
    <row r="21" spans="1:14" x14ac:dyDescent="0.25">
      <c r="A21" s="2" t="s">
        <v>35</v>
      </c>
      <c r="B21" s="4" t="s">
        <v>36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  <c r="H21" s="13">
        <v>0</v>
      </c>
      <c r="I21" s="13">
        <v>0</v>
      </c>
      <c r="J21" s="12"/>
      <c r="K21" s="12"/>
      <c r="L21" s="12"/>
      <c r="M21" s="12"/>
      <c r="N21" s="12"/>
    </row>
    <row r="22" spans="1:14" x14ac:dyDescent="0.25">
      <c r="A22" s="2" t="s">
        <v>37</v>
      </c>
      <c r="B22" s="4" t="s">
        <v>38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  <c r="H22" s="13">
        <v>0</v>
      </c>
      <c r="I22" s="13">
        <v>0</v>
      </c>
      <c r="J22" s="12"/>
      <c r="K22" s="12"/>
      <c r="L22" s="12"/>
      <c r="M22" s="12"/>
      <c r="N22" s="12"/>
    </row>
    <row r="23" spans="1:14" x14ac:dyDescent="0.25">
      <c r="A23" s="3" t="s">
        <v>39</v>
      </c>
      <c r="B23" s="5" t="s">
        <v>40</v>
      </c>
      <c r="C23" s="11">
        <v>134883500</v>
      </c>
      <c r="D23" s="11">
        <v>151299500</v>
      </c>
      <c r="E23" s="11">
        <v>141090338</v>
      </c>
      <c r="F23" s="11">
        <v>93.25</v>
      </c>
      <c r="G23" s="11">
        <v>503497596.52999997</v>
      </c>
      <c r="H23" s="11">
        <v>332.78</v>
      </c>
      <c r="I23" s="11">
        <v>-352198096.52999997</v>
      </c>
      <c r="J23" s="12"/>
      <c r="K23" s="12"/>
      <c r="L23" s="12"/>
      <c r="M23" s="12"/>
      <c r="N23" s="12"/>
    </row>
    <row r="24" spans="1:14" x14ac:dyDescent="0.25">
      <c r="A24" s="2" t="s">
        <v>41</v>
      </c>
      <c r="B24" s="4" t="s">
        <v>42</v>
      </c>
      <c r="C24" s="13">
        <v>2331100</v>
      </c>
      <c r="D24" s="13">
        <v>2331100</v>
      </c>
      <c r="E24" s="13">
        <v>896406.08</v>
      </c>
      <c r="F24" s="13">
        <v>38.450000000000003</v>
      </c>
      <c r="G24" s="13">
        <v>2630896.66</v>
      </c>
      <c r="H24" s="13">
        <v>112.86</v>
      </c>
      <c r="I24" s="13">
        <v>-299796.65999999997</v>
      </c>
      <c r="J24" s="12"/>
      <c r="K24" s="12"/>
      <c r="L24" s="12"/>
      <c r="M24" s="12"/>
      <c r="N24" s="12"/>
    </row>
    <row r="25" spans="1:14" x14ac:dyDescent="0.25">
      <c r="A25" s="2" t="s">
        <v>43</v>
      </c>
      <c r="B25" s="4" t="s">
        <v>44</v>
      </c>
      <c r="C25" s="13">
        <v>66710900</v>
      </c>
      <c r="D25" s="13">
        <v>83126900</v>
      </c>
      <c r="E25" s="13">
        <v>129362549.37</v>
      </c>
      <c r="F25" s="13">
        <v>155.62</v>
      </c>
      <c r="G25" s="13">
        <v>432714293.25999999</v>
      </c>
      <c r="H25" s="13">
        <v>520.54999999999995</v>
      </c>
      <c r="I25" s="13">
        <v>-349587393.25999999</v>
      </c>
      <c r="J25" s="12"/>
      <c r="K25" s="12"/>
      <c r="L25" s="12"/>
      <c r="M25" s="12"/>
      <c r="N25" s="12"/>
    </row>
    <row r="26" spans="1:14" x14ac:dyDescent="0.25">
      <c r="A26" s="2" t="s">
        <v>45</v>
      </c>
      <c r="B26" s="4" t="s">
        <v>46</v>
      </c>
      <c r="C26" s="13">
        <v>4375600</v>
      </c>
      <c r="D26" s="13">
        <v>4375600</v>
      </c>
      <c r="E26" s="13">
        <v>667121.81999999995</v>
      </c>
      <c r="F26" s="13">
        <v>15.25</v>
      </c>
      <c r="G26" s="13">
        <v>13629298.51</v>
      </c>
      <c r="H26" s="13">
        <v>311.48</v>
      </c>
      <c r="I26" s="13">
        <v>-9253698.5099999998</v>
      </c>
      <c r="J26" s="12"/>
      <c r="K26" s="12"/>
      <c r="L26" s="12"/>
      <c r="M26" s="12"/>
      <c r="N26" s="12"/>
    </row>
    <row r="27" spans="1:14" x14ac:dyDescent="0.25">
      <c r="A27" s="2" t="s">
        <v>47</v>
      </c>
      <c r="B27" s="4" t="s">
        <v>48</v>
      </c>
      <c r="C27" s="13">
        <v>53038400</v>
      </c>
      <c r="D27" s="13">
        <v>53038400</v>
      </c>
      <c r="E27" s="13">
        <v>3837747.88</v>
      </c>
      <c r="F27" s="13">
        <v>7.24</v>
      </c>
      <c r="G27" s="13">
        <v>27943480.219999999</v>
      </c>
      <c r="H27" s="13">
        <v>52.69</v>
      </c>
      <c r="I27" s="13">
        <v>25094919.780000001</v>
      </c>
      <c r="J27" s="12"/>
      <c r="K27" s="12"/>
      <c r="L27" s="12"/>
      <c r="M27" s="12"/>
      <c r="N27" s="12"/>
    </row>
    <row r="28" spans="1:14" x14ac:dyDescent="0.25">
      <c r="A28" s="2" t="s">
        <v>49</v>
      </c>
      <c r="B28" s="4" t="s">
        <v>50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2"/>
      <c r="K28" s="12"/>
      <c r="L28" s="12"/>
      <c r="M28" s="12"/>
      <c r="N28" s="12"/>
    </row>
    <row r="29" spans="1:14" x14ac:dyDescent="0.25">
      <c r="A29" s="2" t="s">
        <v>51</v>
      </c>
      <c r="B29" s="4" t="s">
        <v>52</v>
      </c>
      <c r="C29" s="13">
        <v>8427500</v>
      </c>
      <c r="D29" s="13">
        <v>8427500</v>
      </c>
      <c r="E29" s="13">
        <v>6326512.8499999996</v>
      </c>
      <c r="F29" s="13">
        <v>75.069999999999993</v>
      </c>
      <c r="G29" s="13">
        <v>26579627.879999999</v>
      </c>
      <c r="H29" s="13">
        <v>315.39</v>
      </c>
      <c r="I29" s="13">
        <v>-18152127.879999999</v>
      </c>
      <c r="J29" s="12"/>
      <c r="K29" s="12"/>
      <c r="L29" s="12"/>
      <c r="M29" s="12"/>
      <c r="N29" s="12"/>
    </row>
    <row r="30" spans="1:14" x14ac:dyDescent="0.25">
      <c r="A30" s="2" t="s">
        <v>53</v>
      </c>
      <c r="B30" s="4" t="s">
        <v>54</v>
      </c>
      <c r="C30" s="13">
        <v>0</v>
      </c>
      <c r="D30" s="13">
        <v>0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  <c r="J30" s="12"/>
      <c r="K30" s="12"/>
      <c r="L30" s="12"/>
      <c r="M30" s="12"/>
      <c r="N30" s="12"/>
    </row>
    <row r="31" spans="1:14" x14ac:dyDescent="0.25">
      <c r="A31" s="2" t="s">
        <v>55</v>
      </c>
      <c r="B31" s="4" t="s">
        <v>56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2"/>
      <c r="K31" s="12"/>
      <c r="L31" s="12"/>
      <c r="M31" s="12"/>
      <c r="N31" s="12"/>
    </row>
    <row r="32" spans="1:14" x14ac:dyDescent="0.25">
      <c r="A32" s="2" t="s">
        <v>57</v>
      </c>
      <c r="B32" s="4" t="s">
        <v>58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  <c r="J32" s="12"/>
      <c r="K32" s="12"/>
      <c r="L32" s="12"/>
      <c r="M32" s="12"/>
      <c r="N32" s="12"/>
    </row>
    <row r="33" spans="1:14" x14ac:dyDescent="0.25">
      <c r="A33" s="3" t="s">
        <v>59</v>
      </c>
      <c r="B33" s="5" t="s">
        <v>60</v>
      </c>
      <c r="C33" s="11">
        <v>674106600</v>
      </c>
      <c r="D33" s="11">
        <v>726847505</v>
      </c>
      <c r="E33" s="11">
        <v>159453921.02000001</v>
      </c>
      <c r="F33" s="11">
        <v>21.94</v>
      </c>
      <c r="G33" s="11">
        <v>597627940.53999996</v>
      </c>
      <c r="H33" s="11">
        <v>82.22</v>
      </c>
      <c r="I33" s="11">
        <v>129219564.45999999</v>
      </c>
      <c r="J33" s="12"/>
      <c r="K33" s="12"/>
      <c r="L33" s="12"/>
      <c r="M33" s="12"/>
      <c r="N33" s="12"/>
    </row>
    <row r="34" spans="1:14" x14ac:dyDescent="0.25">
      <c r="A34" s="2" t="s">
        <v>61</v>
      </c>
      <c r="B34" s="4" t="s">
        <v>62</v>
      </c>
      <c r="C34" s="13">
        <v>593658800</v>
      </c>
      <c r="D34" s="13">
        <v>646399705</v>
      </c>
      <c r="E34" s="13">
        <v>145375299.18000001</v>
      </c>
      <c r="F34" s="13">
        <v>22.49</v>
      </c>
      <c r="G34" s="13">
        <v>545356555.88</v>
      </c>
      <c r="H34" s="13">
        <v>84.37</v>
      </c>
      <c r="I34" s="13">
        <v>101043149.12</v>
      </c>
      <c r="J34" s="12"/>
      <c r="K34" s="12"/>
      <c r="L34" s="12"/>
      <c r="M34" s="12"/>
      <c r="N34" s="12"/>
    </row>
    <row r="35" spans="1:14" x14ac:dyDescent="0.25">
      <c r="A35" s="2" t="s">
        <v>63</v>
      </c>
      <c r="B35" s="4" t="s">
        <v>64</v>
      </c>
      <c r="C35" s="13">
        <v>0</v>
      </c>
      <c r="D35" s="13">
        <v>0</v>
      </c>
      <c r="E35" s="13">
        <v>0</v>
      </c>
      <c r="F35" s="13">
        <v>0</v>
      </c>
      <c r="G35" s="13">
        <v>0</v>
      </c>
      <c r="H35" s="13">
        <v>0</v>
      </c>
      <c r="I35" s="13">
        <v>0</v>
      </c>
      <c r="J35" s="12"/>
      <c r="K35" s="12"/>
      <c r="L35" s="12"/>
      <c r="M35" s="12"/>
      <c r="N35" s="12"/>
    </row>
    <row r="36" spans="1:14" x14ac:dyDescent="0.25">
      <c r="A36" s="2" t="s">
        <v>65</v>
      </c>
      <c r="B36" s="4" t="s">
        <v>66</v>
      </c>
      <c r="C36" s="13">
        <v>71437200</v>
      </c>
      <c r="D36" s="13">
        <v>71437200</v>
      </c>
      <c r="E36" s="13">
        <v>9512960.6699999999</v>
      </c>
      <c r="F36" s="13">
        <v>13.32</v>
      </c>
      <c r="G36" s="13">
        <v>37777256.869999997</v>
      </c>
      <c r="H36" s="13">
        <v>52.88</v>
      </c>
      <c r="I36" s="13">
        <v>33659943.130000003</v>
      </c>
      <c r="J36" s="12"/>
      <c r="K36" s="12"/>
      <c r="L36" s="12"/>
      <c r="M36" s="12"/>
      <c r="N36" s="12"/>
    </row>
    <row r="37" spans="1:14" x14ac:dyDescent="0.25">
      <c r="A37" s="2" t="s">
        <v>67</v>
      </c>
      <c r="B37" s="4" t="s">
        <v>68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  <c r="J37" s="12"/>
      <c r="K37" s="12"/>
      <c r="L37" s="12"/>
      <c r="M37" s="12"/>
      <c r="N37" s="12"/>
    </row>
    <row r="38" spans="1:14" x14ac:dyDescent="0.25">
      <c r="A38" s="2" t="s">
        <v>69</v>
      </c>
      <c r="B38" s="4" t="s">
        <v>70</v>
      </c>
      <c r="C38" s="13">
        <v>9010600</v>
      </c>
      <c r="D38" s="13">
        <v>9010600</v>
      </c>
      <c r="E38" s="13">
        <v>4565661.17</v>
      </c>
      <c r="F38" s="13">
        <v>50.67</v>
      </c>
      <c r="G38" s="13">
        <v>14494127.789999999</v>
      </c>
      <c r="H38" s="13">
        <v>160.86000000000001</v>
      </c>
      <c r="I38" s="13">
        <v>-5483527.79</v>
      </c>
      <c r="J38" s="12"/>
      <c r="K38" s="12"/>
      <c r="L38" s="12"/>
      <c r="M38" s="12"/>
      <c r="N38" s="12"/>
    </row>
    <row r="39" spans="1:14" x14ac:dyDescent="0.25">
      <c r="A39" s="3" t="s">
        <v>71</v>
      </c>
      <c r="B39" s="5" t="s">
        <v>72</v>
      </c>
      <c r="C39" s="11">
        <v>5184160300</v>
      </c>
      <c r="D39" s="11">
        <v>5199522300</v>
      </c>
      <c r="E39" s="11">
        <v>998559670.54999995</v>
      </c>
      <c r="F39" s="11">
        <v>19.2</v>
      </c>
      <c r="G39" s="11">
        <v>4158496832.0599999</v>
      </c>
      <c r="H39" s="11">
        <v>79.98</v>
      </c>
      <c r="I39" s="11">
        <v>1041025467.9400001</v>
      </c>
      <c r="J39" s="12"/>
      <c r="K39" s="12"/>
      <c r="L39" s="12"/>
      <c r="M39" s="12"/>
      <c r="N39" s="12"/>
    </row>
    <row r="40" spans="1:14" x14ac:dyDescent="0.25">
      <c r="A40" s="2" t="s">
        <v>73</v>
      </c>
      <c r="B40" s="4" t="s">
        <v>74</v>
      </c>
      <c r="C40" s="13">
        <v>1787611600</v>
      </c>
      <c r="D40" s="13">
        <v>1796105600</v>
      </c>
      <c r="E40" s="13">
        <v>350631218.88999999</v>
      </c>
      <c r="F40" s="13">
        <v>19.52</v>
      </c>
      <c r="G40" s="13">
        <v>1633364949.55</v>
      </c>
      <c r="H40" s="13">
        <v>90.94</v>
      </c>
      <c r="I40" s="13">
        <v>162740650.44999999</v>
      </c>
      <c r="J40" s="12"/>
      <c r="K40" s="12"/>
      <c r="L40" s="12"/>
      <c r="M40" s="12"/>
      <c r="N40" s="12"/>
    </row>
    <row r="41" spans="1:14" x14ac:dyDescent="0.25">
      <c r="A41" s="2" t="s">
        <v>75</v>
      </c>
      <c r="B41" s="4" t="s">
        <v>76</v>
      </c>
      <c r="C41" s="13">
        <v>1017600</v>
      </c>
      <c r="D41" s="13">
        <v>1017600</v>
      </c>
      <c r="E41" s="13">
        <v>-6186407.7800000003</v>
      </c>
      <c r="F41" s="13">
        <v>-607.94000000000005</v>
      </c>
      <c r="G41" s="13">
        <v>61474.29</v>
      </c>
      <c r="H41" s="13">
        <v>6.04</v>
      </c>
      <c r="I41" s="13">
        <v>956125.71</v>
      </c>
      <c r="J41" s="12"/>
      <c r="K41" s="12"/>
      <c r="L41" s="12"/>
      <c r="M41" s="12"/>
      <c r="N41" s="12"/>
    </row>
    <row r="42" spans="1:14" x14ac:dyDescent="0.25">
      <c r="A42" s="2" t="s">
        <v>77</v>
      </c>
      <c r="B42" s="4" t="s">
        <v>78</v>
      </c>
      <c r="C42" s="13">
        <v>230000</v>
      </c>
      <c r="D42" s="13">
        <v>530000</v>
      </c>
      <c r="E42" s="13">
        <v>617387.56000000006</v>
      </c>
      <c r="F42" s="13">
        <v>116.49</v>
      </c>
      <c r="G42" s="13">
        <v>2000407.46</v>
      </c>
      <c r="H42" s="13">
        <v>377.44</v>
      </c>
      <c r="I42" s="13">
        <v>-1470407.46</v>
      </c>
      <c r="J42" s="12"/>
      <c r="K42" s="12"/>
      <c r="L42" s="12"/>
      <c r="M42" s="12"/>
      <c r="N42" s="12"/>
    </row>
    <row r="43" spans="1:14" x14ac:dyDescent="0.25">
      <c r="A43" s="2" t="s">
        <v>79</v>
      </c>
      <c r="B43" s="4" t="s">
        <v>80</v>
      </c>
      <c r="C43" s="13">
        <v>2137907500</v>
      </c>
      <c r="D43" s="13">
        <v>2144475500</v>
      </c>
      <c r="E43" s="13">
        <v>393825045.76999998</v>
      </c>
      <c r="F43" s="13">
        <v>18.36</v>
      </c>
      <c r="G43" s="13">
        <v>1478305975.48</v>
      </c>
      <c r="H43" s="13">
        <v>68.94</v>
      </c>
      <c r="I43" s="13">
        <v>666169524.51999998</v>
      </c>
      <c r="J43" s="12"/>
      <c r="K43" s="12"/>
      <c r="L43" s="12"/>
      <c r="M43" s="12"/>
      <c r="N43" s="12"/>
    </row>
    <row r="44" spans="1:14" x14ac:dyDescent="0.25">
      <c r="A44" s="2" t="s">
        <v>81</v>
      </c>
      <c r="B44" s="4" t="s">
        <v>82</v>
      </c>
      <c r="C44" s="13">
        <v>1252844900</v>
      </c>
      <c r="D44" s="13">
        <v>1252844900</v>
      </c>
      <c r="E44" s="13">
        <v>259591387.25</v>
      </c>
      <c r="F44" s="13">
        <v>20.72</v>
      </c>
      <c r="G44" s="13">
        <v>1044678567.09</v>
      </c>
      <c r="H44" s="13">
        <v>83.38</v>
      </c>
      <c r="I44" s="13">
        <v>208166332.91</v>
      </c>
      <c r="J44" s="12"/>
      <c r="K44" s="12"/>
      <c r="L44" s="12"/>
      <c r="M44" s="12"/>
      <c r="N44" s="12"/>
    </row>
    <row r="45" spans="1:14" x14ac:dyDescent="0.25">
      <c r="A45" s="2" t="s">
        <v>83</v>
      </c>
      <c r="B45" s="4" t="s">
        <v>84</v>
      </c>
      <c r="C45" s="13">
        <v>700000</v>
      </c>
      <c r="D45" s="13">
        <v>700000</v>
      </c>
      <c r="E45" s="13">
        <v>0</v>
      </c>
      <c r="F45" s="13">
        <v>0</v>
      </c>
      <c r="G45" s="13">
        <v>0</v>
      </c>
      <c r="H45" s="13">
        <v>0</v>
      </c>
      <c r="I45" s="13">
        <v>700000</v>
      </c>
      <c r="J45" s="12"/>
      <c r="K45" s="12"/>
      <c r="L45" s="12"/>
      <c r="M45" s="12"/>
      <c r="N45" s="12"/>
    </row>
    <row r="46" spans="1:14" x14ac:dyDescent="0.25">
      <c r="A46" s="2" t="s">
        <v>85</v>
      </c>
      <c r="B46" s="4" t="s">
        <v>86</v>
      </c>
      <c r="C46" s="13">
        <v>3848700</v>
      </c>
      <c r="D46" s="13">
        <v>3848700</v>
      </c>
      <c r="E46" s="13">
        <v>81038.86</v>
      </c>
      <c r="F46" s="13">
        <v>2.11</v>
      </c>
      <c r="G46" s="13">
        <v>85458.19</v>
      </c>
      <c r="H46" s="13">
        <v>2.2200000000000002</v>
      </c>
      <c r="I46" s="13">
        <v>3763241.81</v>
      </c>
      <c r="J46" s="12"/>
      <c r="K46" s="12"/>
      <c r="L46" s="12"/>
      <c r="M46" s="12"/>
      <c r="N46" s="12"/>
    </row>
    <row r="47" spans="1:14" x14ac:dyDescent="0.25">
      <c r="A47" s="3" t="s">
        <v>87</v>
      </c>
      <c r="B47" s="5" t="s">
        <v>88</v>
      </c>
      <c r="C47" s="11">
        <v>104277200</v>
      </c>
      <c r="D47" s="11">
        <v>104302200</v>
      </c>
      <c r="E47" s="11">
        <v>24657237.920000002</v>
      </c>
      <c r="F47" s="11">
        <v>23.64</v>
      </c>
      <c r="G47" s="11">
        <v>120967187.26000001</v>
      </c>
      <c r="H47" s="11">
        <v>115.98</v>
      </c>
      <c r="I47" s="11">
        <v>-16664987.26</v>
      </c>
      <c r="J47" s="12"/>
      <c r="K47" s="12"/>
      <c r="L47" s="12"/>
      <c r="M47" s="12"/>
      <c r="N47" s="12"/>
    </row>
    <row r="48" spans="1:14" x14ac:dyDescent="0.25">
      <c r="A48" s="2" t="s">
        <v>89</v>
      </c>
      <c r="B48" s="4" t="s">
        <v>90</v>
      </c>
      <c r="C48" s="13">
        <v>36569700</v>
      </c>
      <c r="D48" s="13">
        <v>36569700</v>
      </c>
      <c r="E48" s="13">
        <v>11051726.17</v>
      </c>
      <c r="F48" s="13">
        <v>30.22</v>
      </c>
      <c r="G48" s="13">
        <v>35916378.710000001</v>
      </c>
      <c r="H48" s="13">
        <v>98.21</v>
      </c>
      <c r="I48" s="13">
        <v>653321.29</v>
      </c>
      <c r="J48" s="12"/>
      <c r="K48" s="12"/>
      <c r="L48" s="12"/>
      <c r="M48" s="12"/>
      <c r="N48" s="12"/>
    </row>
    <row r="49" spans="1:14" x14ac:dyDescent="0.25">
      <c r="A49" s="2" t="s">
        <v>91</v>
      </c>
      <c r="B49" s="4" t="s">
        <v>92</v>
      </c>
      <c r="C49" s="13">
        <v>57864100</v>
      </c>
      <c r="D49" s="13">
        <v>57889100</v>
      </c>
      <c r="E49" s="13">
        <v>11639553.16</v>
      </c>
      <c r="F49" s="13">
        <v>20.11</v>
      </c>
      <c r="G49" s="13">
        <v>77634762.359999999</v>
      </c>
      <c r="H49" s="13">
        <v>134.11000000000001</v>
      </c>
      <c r="I49" s="13">
        <v>-19745662.359999999</v>
      </c>
      <c r="J49" s="12"/>
      <c r="K49" s="12"/>
      <c r="L49" s="12"/>
      <c r="M49" s="12"/>
      <c r="N49" s="12"/>
    </row>
    <row r="50" spans="1:14" x14ac:dyDescent="0.25">
      <c r="A50" s="2" t="s">
        <v>93</v>
      </c>
      <c r="B50" s="4" t="s">
        <v>94</v>
      </c>
      <c r="C50" s="13">
        <v>0</v>
      </c>
      <c r="D50" s="13">
        <v>0</v>
      </c>
      <c r="E50" s="13">
        <v>0</v>
      </c>
      <c r="F50" s="13">
        <v>0</v>
      </c>
      <c r="G50" s="13">
        <v>0</v>
      </c>
      <c r="H50" s="13">
        <v>0</v>
      </c>
      <c r="I50" s="13">
        <v>0</v>
      </c>
      <c r="J50" s="12"/>
      <c r="K50" s="12"/>
      <c r="L50" s="12"/>
      <c r="M50" s="12"/>
      <c r="N50" s="12"/>
    </row>
    <row r="51" spans="1:14" x14ac:dyDescent="0.25">
      <c r="A51" s="2" t="s">
        <v>95</v>
      </c>
      <c r="B51" s="4" t="s">
        <v>96</v>
      </c>
      <c r="C51" s="13">
        <v>0</v>
      </c>
      <c r="D51" s="13">
        <v>0</v>
      </c>
      <c r="E51" s="13">
        <v>475096.64</v>
      </c>
      <c r="F51" s="13">
        <v>0</v>
      </c>
      <c r="G51" s="13">
        <v>478067.24</v>
      </c>
      <c r="H51" s="13">
        <v>0</v>
      </c>
      <c r="I51" s="13">
        <v>-478067.24</v>
      </c>
      <c r="J51" s="12"/>
      <c r="K51" s="12"/>
      <c r="L51" s="12"/>
      <c r="M51" s="12"/>
      <c r="N51" s="12"/>
    </row>
    <row r="52" spans="1:14" x14ac:dyDescent="0.25">
      <c r="A52" s="2" t="s">
        <v>97</v>
      </c>
      <c r="B52" s="4" t="s">
        <v>98</v>
      </c>
      <c r="C52" s="13">
        <v>9843400</v>
      </c>
      <c r="D52" s="13">
        <v>9843400</v>
      </c>
      <c r="E52" s="13">
        <v>1490861.95</v>
      </c>
      <c r="F52" s="13">
        <v>15.15</v>
      </c>
      <c r="G52" s="13">
        <v>6937978.9500000002</v>
      </c>
      <c r="H52" s="13">
        <v>70.48</v>
      </c>
      <c r="I52" s="13">
        <v>2905421.05</v>
      </c>
      <c r="J52" s="12"/>
      <c r="K52" s="12"/>
      <c r="L52" s="12"/>
      <c r="M52" s="12"/>
      <c r="N52" s="12"/>
    </row>
    <row r="53" spans="1:14" x14ac:dyDescent="0.25">
      <c r="A53" s="3" t="s">
        <v>99</v>
      </c>
      <c r="B53" s="5" t="s">
        <v>100</v>
      </c>
      <c r="C53" s="11">
        <v>452392800</v>
      </c>
      <c r="D53" s="11">
        <v>725501122</v>
      </c>
      <c r="E53" s="11">
        <v>98235397.980000004</v>
      </c>
      <c r="F53" s="11">
        <v>13.54</v>
      </c>
      <c r="G53" s="11">
        <v>219807228.44</v>
      </c>
      <c r="H53" s="11">
        <v>30.3</v>
      </c>
      <c r="I53" s="11">
        <v>505693893.56</v>
      </c>
      <c r="J53" s="12"/>
      <c r="K53" s="12"/>
      <c r="L53" s="12"/>
      <c r="M53" s="12"/>
      <c r="N53" s="12"/>
    </row>
    <row r="54" spans="1:14" x14ac:dyDescent="0.25">
      <c r="A54" s="3" t="s">
        <v>101</v>
      </c>
      <c r="B54" s="5" t="s">
        <v>102</v>
      </c>
      <c r="C54" s="11">
        <v>25466900</v>
      </c>
      <c r="D54" s="11">
        <v>279113816</v>
      </c>
      <c r="E54" s="11">
        <v>52278971.259999998</v>
      </c>
      <c r="F54" s="11">
        <v>18.73</v>
      </c>
      <c r="G54" s="11">
        <v>63917280.659999996</v>
      </c>
      <c r="H54" s="11">
        <v>22.9</v>
      </c>
      <c r="I54" s="11">
        <v>215196535.34</v>
      </c>
      <c r="J54" s="12"/>
      <c r="K54" s="12"/>
      <c r="L54" s="12"/>
      <c r="M54" s="12"/>
      <c r="N54" s="12"/>
    </row>
    <row r="55" spans="1:14" x14ac:dyDescent="0.25">
      <c r="A55" s="2" t="s">
        <v>103</v>
      </c>
      <c r="B55" s="4" t="s">
        <v>104</v>
      </c>
      <c r="C55" s="13">
        <v>0</v>
      </c>
      <c r="D55" s="13">
        <v>100000000</v>
      </c>
      <c r="E55" s="13">
        <v>412809.08</v>
      </c>
      <c r="F55" s="13">
        <v>0.41</v>
      </c>
      <c r="G55" s="13">
        <v>12051118.48</v>
      </c>
      <c r="H55" s="13">
        <v>12.05</v>
      </c>
      <c r="I55" s="13">
        <v>87948881.519999996</v>
      </c>
      <c r="J55" s="12"/>
      <c r="K55" s="12"/>
      <c r="L55" s="12"/>
      <c r="M55" s="12"/>
      <c r="N55" s="12"/>
    </row>
    <row r="56" spans="1:14" x14ac:dyDescent="0.25">
      <c r="A56" s="2" t="s">
        <v>105</v>
      </c>
      <c r="B56" s="4" t="s">
        <v>106</v>
      </c>
      <c r="C56" s="13">
        <v>25466900</v>
      </c>
      <c r="D56" s="13">
        <v>179113816</v>
      </c>
      <c r="E56" s="13">
        <v>51866162.18</v>
      </c>
      <c r="F56" s="13">
        <v>28.96</v>
      </c>
      <c r="G56" s="13">
        <v>51866162.18</v>
      </c>
      <c r="H56" s="13">
        <v>28.96</v>
      </c>
      <c r="I56" s="13">
        <v>127247653.81999999</v>
      </c>
      <c r="J56" s="12"/>
      <c r="K56" s="12"/>
      <c r="L56" s="12"/>
      <c r="M56" s="12"/>
      <c r="N56" s="12"/>
    </row>
    <row r="57" spans="1:14" x14ac:dyDescent="0.25">
      <c r="A57" s="3" t="s">
        <v>107</v>
      </c>
      <c r="B57" s="5" t="s">
        <v>108</v>
      </c>
      <c r="C57" s="11">
        <v>5718800</v>
      </c>
      <c r="D57" s="11">
        <v>5718800</v>
      </c>
      <c r="E57" s="11">
        <v>3244520</v>
      </c>
      <c r="F57" s="11">
        <v>56.73</v>
      </c>
      <c r="G57" s="11">
        <v>3570771.94</v>
      </c>
      <c r="H57" s="11">
        <v>62.44</v>
      </c>
      <c r="I57" s="11">
        <v>2148028.06</v>
      </c>
      <c r="J57" s="12"/>
      <c r="K57" s="12"/>
      <c r="L57" s="12"/>
      <c r="M57" s="12"/>
      <c r="N57" s="12"/>
    </row>
    <row r="58" spans="1:14" x14ac:dyDescent="0.25">
      <c r="A58" s="2" t="s">
        <v>109</v>
      </c>
      <c r="B58" s="4" t="s">
        <v>110</v>
      </c>
      <c r="C58" s="13">
        <v>1434600</v>
      </c>
      <c r="D58" s="13">
        <v>1434600</v>
      </c>
      <c r="E58" s="13">
        <v>2700520</v>
      </c>
      <c r="F58" s="13">
        <v>188.24</v>
      </c>
      <c r="G58" s="13">
        <v>2810623.83</v>
      </c>
      <c r="H58" s="13">
        <v>195.92</v>
      </c>
      <c r="I58" s="13">
        <v>-1376023.83</v>
      </c>
      <c r="J58" s="12"/>
      <c r="K58" s="12"/>
      <c r="L58" s="12"/>
      <c r="M58" s="12"/>
      <c r="N58" s="12"/>
    </row>
    <row r="59" spans="1:14" x14ac:dyDescent="0.25">
      <c r="A59" s="2" t="s">
        <v>111</v>
      </c>
      <c r="B59" s="4" t="s">
        <v>112</v>
      </c>
      <c r="C59" s="13">
        <v>4284200</v>
      </c>
      <c r="D59" s="13">
        <v>4284200</v>
      </c>
      <c r="E59" s="13">
        <v>544000</v>
      </c>
      <c r="F59" s="13">
        <v>12.7</v>
      </c>
      <c r="G59" s="13">
        <v>760148.11</v>
      </c>
      <c r="H59" s="13">
        <v>17.739999999999998</v>
      </c>
      <c r="I59" s="13">
        <v>3524051.89</v>
      </c>
      <c r="J59" s="12"/>
      <c r="K59" s="12"/>
      <c r="L59" s="12"/>
      <c r="M59" s="12"/>
      <c r="N59" s="12"/>
    </row>
    <row r="60" spans="1:14" x14ac:dyDescent="0.25">
      <c r="A60" s="2" t="s">
        <v>113</v>
      </c>
      <c r="B60" s="4" t="s">
        <v>114</v>
      </c>
      <c r="C60" s="13">
        <v>0</v>
      </c>
      <c r="D60" s="13">
        <v>0</v>
      </c>
      <c r="E60" s="13">
        <v>0</v>
      </c>
      <c r="F60" s="13">
        <v>0</v>
      </c>
      <c r="G60" s="13">
        <v>0</v>
      </c>
      <c r="H60" s="13">
        <v>0</v>
      </c>
      <c r="I60" s="13">
        <v>0</v>
      </c>
      <c r="J60" s="12"/>
      <c r="K60" s="12"/>
      <c r="L60" s="12"/>
      <c r="M60" s="12"/>
      <c r="N60" s="12"/>
    </row>
    <row r="61" spans="1:14" x14ac:dyDescent="0.25">
      <c r="A61" s="2" t="s">
        <v>115</v>
      </c>
      <c r="B61" s="4" t="s">
        <v>116</v>
      </c>
      <c r="C61" s="13">
        <v>9574200</v>
      </c>
      <c r="D61" s="13">
        <v>9574200</v>
      </c>
      <c r="E61" s="13">
        <v>2017403.41</v>
      </c>
      <c r="F61" s="13">
        <v>21.07</v>
      </c>
      <c r="G61" s="13">
        <v>8637426.1600000001</v>
      </c>
      <c r="H61" s="13">
        <v>90.22</v>
      </c>
      <c r="I61" s="13">
        <v>936773.84</v>
      </c>
      <c r="J61" s="12"/>
      <c r="K61" s="12"/>
      <c r="L61" s="12"/>
      <c r="M61" s="12"/>
      <c r="N61" s="12"/>
    </row>
    <row r="62" spans="1:14" x14ac:dyDescent="0.25">
      <c r="A62" s="3" t="s">
        <v>117</v>
      </c>
      <c r="B62" s="5" t="s">
        <v>118</v>
      </c>
      <c r="C62" s="11">
        <v>411632900</v>
      </c>
      <c r="D62" s="11">
        <v>431094306</v>
      </c>
      <c r="E62" s="11">
        <v>40694503.310000002</v>
      </c>
      <c r="F62" s="11">
        <v>9.44</v>
      </c>
      <c r="G62" s="11">
        <v>143681749.68000001</v>
      </c>
      <c r="H62" s="11">
        <v>33.33</v>
      </c>
      <c r="I62" s="11">
        <v>287412556.31999999</v>
      </c>
      <c r="J62" s="12"/>
      <c r="K62" s="12"/>
      <c r="L62" s="12"/>
      <c r="M62" s="12"/>
      <c r="N62" s="12"/>
    </row>
    <row r="63" spans="1:14" x14ac:dyDescent="0.25">
      <c r="A63" s="2" t="s">
        <v>119</v>
      </c>
      <c r="B63" s="4" t="s">
        <v>74</v>
      </c>
      <c r="C63" s="13">
        <v>411168100</v>
      </c>
      <c r="D63" s="13">
        <v>430629506</v>
      </c>
      <c r="E63" s="13">
        <v>39786289.020000003</v>
      </c>
      <c r="F63" s="13">
        <v>9.24</v>
      </c>
      <c r="G63" s="13">
        <v>142201525.34999999</v>
      </c>
      <c r="H63" s="13">
        <v>33.020000000000003</v>
      </c>
      <c r="I63" s="13">
        <v>288427980.64999998</v>
      </c>
      <c r="J63" s="12"/>
      <c r="K63" s="12"/>
      <c r="L63" s="12"/>
      <c r="M63" s="12"/>
      <c r="N63" s="12"/>
    </row>
    <row r="64" spans="1:14" x14ac:dyDescent="0.25">
      <c r="A64" s="2" t="s">
        <v>120</v>
      </c>
      <c r="B64" s="4" t="s">
        <v>76</v>
      </c>
      <c r="C64" s="13">
        <v>464800</v>
      </c>
      <c r="D64" s="13">
        <v>464800</v>
      </c>
      <c r="E64" s="13">
        <v>908214.29</v>
      </c>
      <c r="F64" s="13">
        <v>195.4</v>
      </c>
      <c r="G64" s="13">
        <v>1480224.33</v>
      </c>
      <c r="H64" s="13">
        <v>318.45999999999998</v>
      </c>
      <c r="I64" s="13">
        <v>-1015424.33</v>
      </c>
      <c r="J64" s="12"/>
      <c r="K64" s="12"/>
      <c r="L64" s="12"/>
      <c r="M64" s="12"/>
      <c r="N64" s="12"/>
    </row>
    <row r="65" spans="1:14" x14ac:dyDescent="0.25">
      <c r="A65" s="2" t="s">
        <v>121</v>
      </c>
      <c r="B65" s="4" t="s">
        <v>78</v>
      </c>
      <c r="C65" s="13">
        <v>0</v>
      </c>
      <c r="D65" s="13">
        <v>0</v>
      </c>
      <c r="E65" s="13">
        <v>0</v>
      </c>
      <c r="F65" s="13">
        <v>0</v>
      </c>
      <c r="G65" s="13">
        <v>0</v>
      </c>
      <c r="H65" s="13">
        <v>0</v>
      </c>
      <c r="I65" s="13">
        <v>0</v>
      </c>
      <c r="J65" s="12"/>
      <c r="K65" s="12"/>
      <c r="L65" s="12"/>
      <c r="M65" s="12"/>
      <c r="N65" s="12"/>
    </row>
    <row r="66" spans="1:14" x14ac:dyDescent="0.25">
      <c r="A66" s="2" t="s">
        <v>122</v>
      </c>
      <c r="B66" s="4" t="s">
        <v>80</v>
      </c>
      <c r="C66" s="13">
        <v>0</v>
      </c>
      <c r="D66" s="13">
        <v>0</v>
      </c>
      <c r="E66" s="13">
        <v>0</v>
      </c>
      <c r="F66" s="13">
        <v>0</v>
      </c>
      <c r="G66" s="13">
        <v>0</v>
      </c>
      <c r="H66" s="13">
        <v>0</v>
      </c>
      <c r="I66" s="13">
        <v>0</v>
      </c>
      <c r="J66" s="12"/>
      <c r="K66" s="12"/>
      <c r="L66" s="12"/>
      <c r="M66" s="12"/>
      <c r="N66" s="12"/>
    </row>
    <row r="67" spans="1:14" x14ac:dyDescent="0.25">
      <c r="A67" s="2" t="s">
        <v>123</v>
      </c>
      <c r="B67" s="4" t="s">
        <v>82</v>
      </c>
      <c r="C67" s="13">
        <v>0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  <c r="J67" s="12"/>
      <c r="K67" s="12"/>
      <c r="L67" s="12"/>
      <c r="M67" s="12"/>
      <c r="N67" s="12"/>
    </row>
    <row r="68" spans="1:14" x14ac:dyDescent="0.25">
      <c r="A68" s="2" t="s">
        <v>124</v>
      </c>
      <c r="B68" s="4" t="s">
        <v>84</v>
      </c>
      <c r="C68" s="13">
        <v>0</v>
      </c>
      <c r="D68" s="13">
        <v>0</v>
      </c>
      <c r="E68" s="13">
        <v>0</v>
      </c>
      <c r="F68" s="13">
        <v>0</v>
      </c>
      <c r="G68" s="13">
        <v>0</v>
      </c>
      <c r="H68" s="13">
        <v>0</v>
      </c>
      <c r="I68" s="13">
        <v>0</v>
      </c>
      <c r="J68" s="12"/>
      <c r="K68" s="12"/>
      <c r="L68" s="12"/>
      <c r="M68" s="12"/>
      <c r="N68" s="12"/>
    </row>
    <row r="69" spans="1:14" x14ac:dyDescent="0.25">
      <c r="A69" s="2" t="s">
        <v>125</v>
      </c>
      <c r="B69" s="4" t="s">
        <v>126</v>
      </c>
      <c r="C69" s="13">
        <v>0</v>
      </c>
      <c r="D69" s="13">
        <v>0</v>
      </c>
      <c r="E69" s="13">
        <v>0</v>
      </c>
      <c r="F69" s="13">
        <v>0</v>
      </c>
      <c r="G69" s="13">
        <v>0</v>
      </c>
      <c r="H69" s="13">
        <v>0</v>
      </c>
      <c r="I69" s="13">
        <v>0</v>
      </c>
      <c r="J69" s="12"/>
      <c r="K69" s="12"/>
      <c r="L69" s="12"/>
      <c r="M69" s="12"/>
      <c r="N69" s="12"/>
    </row>
    <row r="70" spans="1:14" x14ac:dyDescent="0.25">
      <c r="A70" s="2" t="s">
        <v>127</v>
      </c>
      <c r="B70" s="4" t="s">
        <v>128</v>
      </c>
      <c r="C70" s="13">
        <v>0</v>
      </c>
      <c r="D70" s="13">
        <v>0</v>
      </c>
      <c r="E70" s="13">
        <v>0</v>
      </c>
      <c r="F70" s="13">
        <v>0</v>
      </c>
      <c r="G70" s="13">
        <v>0</v>
      </c>
      <c r="H70" s="13">
        <v>0</v>
      </c>
      <c r="I70" s="13">
        <v>0</v>
      </c>
      <c r="J70" s="12"/>
      <c r="K70" s="12"/>
      <c r="L70" s="12"/>
      <c r="M70" s="12"/>
      <c r="N70" s="12"/>
    </row>
    <row r="71" spans="1:14" x14ac:dyDescent="0.25">
      <c r="A71" s="3" t="s">
        <v>129</v>
      </c>
      <c r="B71" s="5" t="s">
        <v>130</v>
      </c>
      <c r="C71" s="11">
        <v>0</v>
      </c>
      <c r="D71" s="11">
        <v>0</v>
      </c>
      <c r="E71" s="11">
        <v>0</v>
      </c>
      <c r="F71" s="11">
        <v>0</v>
      </c>
      <c r="G71" s="11">
        <v>0</v>
      </c>
      <c r="H71" s="11">
        <v>0</v>
      </c>
      <c r="I71" s="11">
        <v>0</v>
      </c>
      <c r="J71" s="12"/>
      <c r="K71" s="12"/>
      <c r="L71" s="12"/>
      <c r="M71" s="12"/>
      <c r="N71" s="12"/>
    </row>
    <row r="72" spans="1:14" x14ac:dyDescent="0.25">
      <c r="A72" s="2" t="s">
        <v>131</v>
      </c>
      <c r="B72" s="4" t="s">
        <v>132</v>
      </c>
      <c r="C72" s="13">
        <v>0</v>
      </c>
      <c r="D72" s="13">
        <v>0</v>
      </c>
      <c r="E72" s="13">
        <v>0</v>
      </c>
      <c r="F72" s="13">
        <v>0</v>
      </c>
      <c r="G72" s="13">
        <v>0</v>
      </c>
      <c r="H72" s="13">
        <v>0</v>
      </c>
      <c r="I72" s="13">
        <v>0</v>
      </c>
      <c r="J72" s="12"/>
      <c r="K72" s="12"/>
      <c r="L72" s="12"/>
      <c r="M72" s="12"/>
      <c r="N72" s="12"/>
    </row>
    <row r="73" spans="1:14" x14ac:dyDescent="0.25">
      <c r="A73" s="2" t="s">
        <v>133</v>
      </c>
      <c r="B73" s="4" t="s">
        <v>134</v>
      </c>
      <c r="C73" s="13">
        <v>0</v>
      </c>
      <c r="D73" s="13">
        <v>0</v>
      </c>
      <c r="E73" s="13">
        <v>0</v>
      </c>
      <c r="F73" s="13">
        <v>0</v>
      </c>
      <c r="G73" s="13">
        <v>0</v>
      </c>
      <c r="H73" s="13">
        <v>0</v>
      </c>
      <c r="I73" s="13">
        <v>0</v>
      </c>
      <c r="J73" s="12"/>
      <c r="K73" s="12"/>
      <c r="L73" s="12"/>
      <c r="M73" s="12"/>
      <c r="N73" s="12"/>
    </row>
    <row r="74" spans="1:14" x14ac:dyDescent="0.25">
      <c r="A74" s="2" t="s">
        <v>135</v>
      </c>
      <c r="B74" s="4" t="s">
        <v>136</v>
      </c>
      <c r="C74" s="13">
        <v>0</v>
      </c>
      <c r="D74" s="13">
        <v>0</v>
      </c>
      <c r="E74" s="13">
        <v>0</v>
      </c>
      <c r="F74" s="13">
        <v>0</v>
      </c>
      <c r="G74" s="13">
        <v>0</v>
      </c>
      <c r="H74" s="13">
        <v>0</v>
      </c>
      <c r="I74" s="13">
        <v>0</v>
      </c>
      <c r="J74" s="12"/>
      <c r="K74" s="12"/>
      <c r="L74" s="12"/>
      <c r="M74" s="12"/>
      <c r="N74" s="12"/>
    </row>
    <row r="75" spans="1:14" x14ac:dyDescent="0.25">
      <c r="A75" s="2" t="s">
        <v>137</v>
      </c>
      <c r="B75" s="4" t="s">
        <v>138</v>
      </c>
      <c r="C75" s="13">
        <v>0</v>
      </c>
      <c r="D75" s="13">
        <v>0</v>
      </c>
      <c r="E75" s="13">
        <v>0</v>
      </c>
      <c r="F75" s="13">
        <v>0</v>
      </c>
      <c r="G75" s="13">
        <v>0</v>
      </c>
      <c r="H75" s="13">
        <v>0</v>
      </c>
      <c r="I75" s="13">
        <v>0</v>
      </c>
      <c r="J75" s="12"/>
      <c r="K75" s="12"/>
      <c r="L75" s="12"/>
      <c r="M75" s="12"/>
      <c r="N75" s="12"/>
    </row>
    <row r="76" spans="1:14" x14ac:dyDescent="0.25">
      <c r="A76" s="2" t="s">
        <v>139</v>
      </c>
      <c r="B76" s="4" t="s">
        <v>140</v>
      </c>
      <c r="C76" s="13">
        <v>1939747300</v>
      </c>
      <c r="D76" s="13">
        <v>1956235800</v>
      </c>
      <c r="E76" s="13">
        <v>383064433.81999999</v>
      </c>
      <c r="F76" s="13">
        <v>19.579999999999998</v>
      </c>
      <c r="G76" s="13">
        <v>1437966625.1600001</v>
      </c>
      <c r="H76" s="13">
        <v>73.510000000000005</v>
      </c>
      <c r="I76" s="13">
        <v>518269174.83999997</v>
      </c>
      <c r="J76" s="12"/>
      <c r="K76" s="12"/>
      <c r="L76" s="12"/>
      <c r="M76" s="12"/>
      <c r="N76" s="12"/>
    </row>
    <row r="77" spans="1:14" x14ac:dyDescent="0.25">
      <c r="A77" s="3" t="s">
        <v>141</v>
      </c>
      <c r="B77" s="5" t="s">
        <v>142</v>
      </c>
      <c r="C77" s="11">
        <v>18475534800</v>
      </c>
      <c r="D77" s="11">
        <v>19289630810.77</v>
      </c>
      <c r="E77" s="11">
        <v>3850823162.9400001</v>
      </c>
      <c r="F77" s="11">
        <v>19.96</v>
      </c>
      <c r="G77" s="11">
        <v>14910309154.73</v>
      </c>
      <c r="H77" s="11">
        <v>77.3</v>
      </c>
      <c r="I77" s="11">
        <v>4379321656.04</v>
      </c>
      <c r="J77" s="12"/>
      <c r="K77" s="12"/>
      <c r="L77" s="12"/>
      <c r="M77" s="12"/>
      <c r="N77" s="12"/>
    </row>
    <row r="78" spans="1:14" x14ac:dyDescent="0.25">
      <c r="A78" s="3" t="s">
        <v>143</v>
      </c>
      <c r="B78" s="5" t="s">
        <v>144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  <c r="J78" s="12"/>
      <c r="K78" s="12"/>
      <c r="L78" s="12"/>
      <c r="M78" s="12"/>
      <c r="N78" s="12"/>
    </row>
    <row r="79" spans="1:14" x14ac:dyDescent="0.25">
      <c r="A79" s="3" t="s">
        <v>145</v>
      </c>
      <c r="B79" s="5" t="s">
        <v>146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  <c r="J79" s="12"/>
      <c r="K79" s="12"/>
      <c r="L79" s="12"/>
      <c r="M79" s="12"/>
      <c r="N79" s="12"/>
    </row>
    <row r="80" spans="1:14" x14ac:dyDescent="0.25">
      <c r="A80" s="2" t="s">
        <v>147</v>
      </c>
      <c r="B80" s="4" t="s">
        <v>148</v>
      </c>
      <c r="C80" s="13">
        <v>0</v>
      </c>
      <c r="D80" s="13">
        <v>0</v>
      </c>
      <c r="E80" s="13">
        <v>0</v>
      </c>
      <c r="F80" s="13">
        <v>0</v>
      </c>
      <c r="G80" s="13">
        <v>0</v>
      </c>
      <c r="H80" s="13">
        <v>0</v>
      </c>
      <c r="I80" s="13">
        <v>0</v>
      </c>
      <c r="J80" s="12"/>
      <c r="K80" s="12"/>
      <c r="L80" s="12"/>
      <c r="M80" s="12"/>
      <c r="N80" s="12"/>
    </row>
    <row r="81" spans="1:14" x14ac:dyDescent="0.25">
      <c r="A81" s="2" t="s">
        <v>149</v>
      </c>
      <c r="B81" s="4" t="s">
        <v>150</v>
      </c>
      <c r="C81" s="13">
        <v>0</v>
      </c>
      <c r="D81" s="13">
        <v>0</v>
      </c>
      <c r="E81" s="13">
        <v>0</v>
      </c>
      <c r="F81" s="13">
        <v>0</v>
      </c>
      <c r="G81" s="13">
        <v>0</v>
      </c>
      <c r="H81" s="13">
        <v>0</v>
      </c>
      <c r="I81" s="13">
        <v>0</v>
      </c>
      <c r="J81" s="12"/>
      <c r="K81" s="12"/>
      <c r="L81" s="12"/>
      <c r="M81" s="12"/>
      <c r="N81" s="12"/>
    </row>
    <row r="82" spans="1:14" x14ac:dyDescent="0.25">
      <c r="A82" s="3" t="s">
        <v>151</v>
      </c>
      <c r="B82" s="5" t="s">
        <v>152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  <c r="J82" s="12"/>
      <c r="K82" s="12"/>
      <c r="L82" s="12"/>
      <c r="M82" s="12"/>
      <c r="N82" s="12"/>
    </row>
    <row r="83" spans="1:14" x14ac:dyDescent="0.25">
      <c r="A83" s="2" t="s">
        <v>153</v>
      </c>
      <c r="B83" s="4" t="s">
        <v>148</v>
      </c>
      <c r="C83" s="13">
        <v>0</v>
      </c>
      <c r="D83" s="13">
        <v>0</v>
      </c>
      <c r="E83" s="13">
        <v>0</v>
      </c>
      <c r="F83" s="13">
        <v>0</v>
      </c>
      <c r="G83" s="13">
        <v>0</v>
      </c>
      <c r="H83" s="13">
        <v>0</v>
      </c>
      <c r="I83" s="13">
        <v>0</v>
      </c>
      <c r="J83" s="12"/>
      <c r="K83" s="12"/>
      <c r="L83" s="12"/>
      <c r="M83" s="12"/>
      <c r="N83" s="12"/>
    </row>
    <row r="84" spans="1:14" x14ac:dyDescent="0.25">
      <c r="A84" s="2" t="s">
        <v>154</v>
      </c>
      <c r="B84" s="4" t="s">
        <v>150</v>
      </c>
      <c r="C84" s="13">
        <v>0</v>
      </c>
      <c r="D84" s="13">
        <v>0</v>
      </c>
      <c r="E84" s="13">
        <v>0</v>
      </c>
      <c r="F84" s="13">
        <v>0</v>
      </c>
      <c r="G84" s="13">
        <v>0</v>
      </c>
      <c r="H84" s="13">
        <v>0</v>
      </c>
      <c r="I84" s="13">
        <v>0</v>
      </c>
      <c r="J84" s="12"/>
      <c r="K84" s="12"/>
      <c r="L84" s="12"/>
      <c r="M84" s="12"/>
      <c r="N84" s="12"/>
    </row>
    <row r="85" spans="1:14" x14ac:dyDescent="0.25">
      <c r="A85" s="3" t="s">
        <v>155</v>
      </c>
      <c r="B85" s="5" t="s">
        <v>156</v>
      </c>
      <c r="C85" s="11">
        <v>18475534800</v>
      </c>
      <c r="D85" s="11">
        <v>19289630810.77</v>
      </c>
      <c r="E85" s="11">
        <v>3850823162.9400001</v>
      </c>
      <c r="F85" s="11">
        <v>19.96</v>
      </c>
      <c r="G85" s="11">
        <v>14910309154.73</v>
      </c>
      <c r="H85" s="11">
        <v>77.3</v>
      </c>
      <c r="I85" s="11">
        <v>4379321656.04</v>
      </c>
      <c r="J85" s="12"/>
      <c r="K85" s="12"/>
      <c r="L85" s="12"/>
      <c r="M85" s="12"/>
      <c r="N85" s="12"/>
    </row>
    <row r="86" spans="1:14" x14ac:dyDescent="0.25">
      <c r="A86" s="2" t="s">
        <v>157</v>
      </c>
      <c r="B86" s="4" t="s">
        <v>158</v>
      </c>
      <c r="C86" s="13">
        <v>0</v>
      </c>
      <c r="D86" s="13">
        <v>0</v>
      </c>
      <c r="E86" s="13">
        <v>0</v>
      </c>
      <c r="F86" s="13">
        <v>0</v>
      </c>
      <c r="G86" s="13">
        <v>0</v>
      </c>
      <c r="H86" s="13">
        <v>0</v>
      </c>
      <c r="I86" s="13">
        <v>0</v>
      </c>
      <c r="J86" s="12"/>
      <c r="K86" s="12"/>
      <c r="L86" s="12"/>
      <c r="M86" s="12"/>
      <c r="N86" s="12"/>
    </row>
    <row r="87" spans="1:14" x14ac:dyDescent="0.25">
      <c r="A87" s="3" t="s">
        <v>159</v>
      </c>
      <c r="B87" s="5" t="s">
        <v>160</v>
      </c>
      <c r="C87" s="11">
        <v>18475534800</v>
      </c>
      <c r="D87" s="11">
        <v>19289630810.77</v>
      </c>
      <c r="E87" s="11">
        <v>3850823162.9400001</v>
      </c>
      <c r="F87" s="11">
        <v>19.96</v>
      </c>
      <c r="G87" s="11">
        <v>14910309154.73</v>
      </c>
      <c r="H87" s="11">
        <v>77.3</v>
      </c>
      <c r="I87" s="11">
        <v>4379321656.04</v>
      </c>
      <c r="J87" s="12"/>
      <c r="K87" s="12"/>
      <c r="L87" s="12"/>
      <c r="M87" s="12"/>
      <c r="N87" s="12"/>
    </row>
    <row r="88" spans="1:14" x14ac:dyDescent="0.25">
      <c r="A88" s="3" t="s">
        <v>161</v>
      </c>
      <c r="B88" s="5" t="s">
        <v>162</v>
      </c>
      <c r="C88" s="11">
        <v>0</v>
      </c>
      <c r="D88" s="11">
        <v>2804298405.0900002</v>
      </c>
      <c r="E88" s="11">
        <v>0</v>
      </c>
      <c r="F88" s="11">
        <v>0</v>
      </c>
      <c r="G88" s="11">
        <v>2804298405.0900002</v>
      </c>
      <c r="H88" s="11">
        <v>100</v>
      </c>
      <c r="I88" s="11">
        <v>0</v>
      </c>
      <c r="J88" s="12"/>
      <c r="K88" s="12"/>
      <c r="L88" s="12"/>
      <c r="M88" s="12"/>
      <c r="N88" s="12"/>
    </row>
    <row r="89" spans="1:14" x14ac:dyDescent="0.25">
      <c r="A89" s="2" t="s">
        <v>163</v>
      </c>
      <c r="B89" s="4" t="s">
        <v>164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3">
        <v>0</v>
      </c>
      <c r="I89" s="13">
        <v>0</v>
      </c>
      <c r="J89" s="12"/>
      <c r="K89" s="12"/>
      <c r="L89" s="12"/>
      <c r="M89" s="12"/>
      <c r="N89" s="12"/>
    </row>
    <row r="90" spans="1:14" x14ac:dyDescent="0.25">
      <c r="A90" s="2" t="s">
        <v>165</v>
      </c>
      <c r="B90" s="4" t="s">
        <v>166</v>
      </c>
      <c r="C90" s="13">
        <v>0</v>
      </c>
      <c r="D90" s="13">
        <v>2804298405.0900002</v>
      </c>
      <c r="E90" s="13">
        <v>0</v>
      </c>
      <c r="F90" s="13">
        <v>0</v>
      </c>
      <c r="G90" s="13">
        <v>2804298405.0900002</v>
      </c>
      <c r="H90" s="13">
        <v>100</v>
      </c>
      <c r="I90" s="13">
        <v>0</v>
      </c>
      <c r="J90" s="12"/>
      <c r="K90" s="12"/>
      <c r="L90" s="12"/>
      <c r="M90" s="12"/>
      <c r="N90" s="12"/>
    </row>
    <row r="91" spans="1:14" x14ac:dyDescent="0.25">
      <c r="C91" s="12"/>
      <c r="D91" s="12"/>
      <c r="E91" s="12"/>
      <c r="F91" s="12"/>
      <c r="G91" s="12"/>
      <c r="H91" s="12"/>
      <c r="I91" s="12"/>
      <c r="J91" s="12"/>
      <c r="K91" s="12"/>
      <c r="L91" s="12"/>
      <c r="M91" s="12"/>
      <c r="N91" s="12"/>
    </row>
    <row r="92" spans="1:14" x14ac:dyDescent="0.25">
      <c r="A92" s="10" t="s">
        <v>6</v>
      </c>
      <c r="B92" s="10" t="s">
        <v>167</v>
      </c>
      <c r="C92" s="14" t="s">
        <v>168</v>
      </c>
      <c r="D92" s="14" t="s">
        <v>169</v>
      </c>
      <c r="E92" s="14" t="s">
        <v>170</v>
      </c>
      <c r="F92" s="14" t="s">
        <v>7</v>
      </c>
      <c r="G92" s="14" t="s">
        <v>173</v>
      </c>
      <c r="H92" s="14" t="s">
        <v>174</v>
      </c>
      <c r="I92" s="14" t="s">
        <v>7</v>
      </c>
      <c r="J92" s="14" t="s">
        <v>176</v>
      </c>
      <c r="K92" s="14" t="s">
        <v>177</v>
      </c>
      <c r="L92" s="12"/>
      <c r="M92" s="12"/>
      <c r="N92" s="12"/>
    </row>
    <row r="93" spans="1:14" ht="21" x14ac:dyDescent="0.25">
      <c r="A93" s="10" t="s">
        <v>7</v>
      </c>
      <c r="B93" s="10" t="s">
        <v>7</v>
      </c>
      <c r="C93" s="14" t="s">
        <v>7</v>
      </c>
      <c r="D93" s="14" t="s">
        <v>7</v>
      </c>
      <c r="E93" s="15" t="s">
        <v>171</v>
      </c>
      <c r="F93" s="15" t="s">
        <v>172</v>
      </c>
      <c r="G93" s="14" t="s">
        <v>7</v>
      </c>
      <c r="H93" s="15" t="s">
        <v>171</v>
      </c>
      <c r="I93" s="15" t="s">
        <v>175</v>
      </c>
      <c r="J93" s="14" t="s">
        <v>7</v>
      </c>
      <c r="K93" s="14" t="s">
        <v>7</v>
      </c>
      <c r="L93" s="12"/>
      <c r="M93" s="12"/>
      <c r="N93" s="12"/>
    </row>
    <row r="94" spans="1:14" x14ac:dyDescent="0.25">
      <c r="A94" s="3" t="s">
        <v>178</v>
      </c>
      <c r="B94" s="5" t="s">
        <v>179</v>
      </c>
      <c r="C94" s="11">
        <v>16623418000</v>
      </c>
      <c r="D94" s="11">
        <v>20219260072.41</v>
      </c>
      <c r="E94" s="11">
        <v>2950670217.8699999</v>
      </c>
      <c r="F94" s="11">
        <v>14895567758.719999</v>
      </c>
      <c r="G94" s="11">
        <v>5323692313.6899996</v>
      </c>
      <c r="H94" s="11">
        <v>3407765699.8099999</v>
      </c>
      <c r="I94" s="11">
        <v>11920727343.389999</v>
      </c>
      <c r="J94" s="11">
        <v>8298532729.0200005</v>
      </c>
      <c r="K94" s="11">
        <v>11747698607.42</v>
      </c>
      <c r="L94" s="12"/>
      <c r="M94" s="12"/>
      <c r="N94" s="12"/>
    </row>
    <row r="95" spans="1:14" x14ac:dyDescent="0.25">
      <c r="A95" s="3" t="s">
        <v>180</v>
      </c>
      <c r="B95" s="5" t="s">
        <v>181</v>
      </c>
      <c r="C95" s="11">
        <v>14218980000</v>
      </c>
      <c r="D95" s="11">
        <v>15518134996.120001</v>
      </c>
      <c r="E95" s="11">
        <v>2399027524.5799999</v>
      </c>
      <c r="F95" s="11">
        <v>11461371675.5</v>
      </c>
      <c r="G95" s="11">
        <v>4056763320.6199999</v>
      </c>
      <c r="H95" s="11">
        <v>2693780158.52</v>
      </c>
      <c r="I95" s="11">
        <v>9920763144.6100006</v>
      </c>
      <c r="J95" s="11">
        <v>5597371851.5100002</v>
      </c>
      <c r="K95" s="11">
        <v>9792525358.7800007</v>
      </c>
      <c r="L95" s="12"/>
      <c r="M95" s="12"/>
      <c r="N95" s="12"/>
    </row>
    <row r="96" spans="1:14" x14ac:dyDescent="0.25">
      <c r="A96" s="2" t="s">
        <v>182</v>
      </c>
      <c r="B96" s="4" t="s">
        <v>183</v>
      </c>
      <c r="C96" s="13">
        <v>9139359300</v>
      </c>
      <c r="D96" s="13">
        <v>9137196568.0499992</v>
      </c>
      <c r="E96" s="13">
        <v>1517316913.6400001</v>
      </c>
      <c r="F96" s="13">
        <v>6895944080.9899998</v>
      </c>
      <c r="G96" s="13">
        <v>2241252487.0599999</v>
      </c>
      <c r="H96" s="13">
        <v>1652173225.8299999</v>
      </c>
      <c r="I96" s="13">
        <v>6472645796.5</v>
      </c>
      <c r="J96" s="13">
        <v>2664550771.5500002</v>
      </c>
      <c r="K96" s="13">
        <v>6452128758.0500002</v>
      </c>
      <c r="L96" s="12"/>
      <c r="M96" s="12"/>
      <c r="N96" s="12"/>
    </row>
    <row r="97" spans="1:14" x14ac:dyDescent="0.25">
      <c r="A97" s="2" t="s">
        <v>184</v>
      </c>
      <c r="B97" s="4" t="s">
        <v>185</v>
      </c>
      <c r="C97" s="13">
        <v>326039500</v>
      </c>
      <c r="D97" s="13">
        <v>311371164</v>
      </c>
      <c r="E97" s="13">
        <v>-14162965.4</v>
      </c>
      <c r="F97" s="13">
        <v>263957423.16</v>
      </c>
      <c r="G97" s="13">
        <v>47413740.840000004</v>
      </c>
      <c r="H97" s="13">
        <v>58478451.68</v>
      </c>
      <c r="I97" s="13">
        <v>223005773.71000001</v>
      </c>
      <c r="J97" s="13">
        <v>88365390.290000007</v>
      </c>
      <c r="K97" s="13">
        <v>223005773.71000001</v>
      </c>
      <c r="L97" s="12"/>
      <c r="M97" s="12"/>
      <c r="N97" s="12"/>
    </row>
    <row r="98" spans="1:14" x14ac:dyDescent="0.25">
      <c r="A98" s="3" t="s">
        <v>186</v>
      </c>
      <c r="B98" s="5" t="s">
        <v>187</v>
      </c>
      <c r="C98" s="11">
        <v>4753581200</v>
      </c>
      <c r="D98" s="11">
        <v>6069567264.0699997</v>
      </c>
      <c r="E98" s="11">
        <v>895873576.34000003</v>
      </c>
      <c r="F98" s="11">
        <v>4301470171.3500004</v>
      </c>
      <c r="G98" s="11">
        <v>1768097092.72</v>
      </c>
      <c r="H98" s="11">
        <v>983128481.00999999</v>
      </c>
      <c r="I98" s="11">
        <v>3225111574.4000001</v>
      </c>
      <c r="J98" s="11">
        <v>2844455689.6700001</v>
      </c>
      <c r="K98" s="11">
        <v>3117390827.02</v>
      </c>
      <c r="L98" s="12"/>
      <c r="M98" s="12"/>
      <c r="N98" s="12"/>
    </row>
    <row r="99" spans="1:14" x14ac:dyDescent="0.25">
      <c r="A99" s="2" t="s">
        <v>188</v>
      </c>
      <c r="B99" s="4" t="s">
        <v>189</v>
      </c>
      <c r="C99" s="13">
        <v>448268600</v>
      </c>
      <c r="D99" s="13">
        <v>448268600</v>
      </c>
      <c r="E99" s="13">
        <v>0</v>
      </c>
      <c r="F99" s="13">
        <v>448268500</v>
      </c>
      <c r="G99" s="13">
        <v>100</v>
      </c>
      <c r="H99" s="13">
        <v>91414095.040000007</v>
      </c>
      <c r="I99" s="13">
        <v>334800763.06</v>
      </c>
      <c r="J99" s="13">
        <v>113467836.94</v>
      </c>
      <c r="K99" s="13">
        <v>286238681.93000001</v>
      </c>
      <c r="L99" s="12"/>
      <c r="M99" s="12"/>
      <c r="N99" s="12"/>
    </row>
    <row r="100" spans="1:14" x14ac:dyDescent="0.25">
      <c r="A100" s="2" t="s">
        <v>190</v>
      </c>
      <c r="B100" s="4" t="s">
        <v>191</v>
      </c>
      <c r="C100" s="13">
        <v>4305312600</v>
      </c>
      <c r="D100" s="13">
        <v>5621298664.0699997</v>
      </c>
      <c r="E100" s="13">
        <v>895873576.34000003</v>
      </c>
      <c r="F100" s="13">
        <v>3853201671.3499999</v>
      </c>
      <c r="G100" s="13">
        <v>1768096992.72</v>
      </c>
      <c r="H100" s="13">
        <v>891714385.97000003</v>
      </c>
      <c r="I100" s="13">
        <v>2890310811.3400002</v>
      </c>
      <c r="J100" s="13">
        <v>2730987852.73</v>
      </c>
      <c r="K100" s="13">
        <v>2831152145.0900002</v>
      </c>
      <c r="L100" s="12"/>
      <c r="M100" s="12"/>
      <c r="N100" s="12"/>
    </row>
    <row r="101" spans="1:14" x14ac:dyDescent="0.25">
      <c r="A101" s="3" t="s">
        <v>192</v>
      </c>
      <c r="B101" s="5" t="s">
        <v>193</v>
      </c>
      <c r="C101" s="11">
        <v>2250470500</v>
      </c>
      <c r="D101" s="11">
        <v>4700657817.29</v>
      </c>
      <c r="E101" s="11">
        <v>551642693.28999996</v>
      </c>
      <c r="F101" s="11">
        <v>3434196083.2199998</v>
      </c>
      <c r="G101" s="11">
        <v>1266461734.0699999</v>
      </c>
      <c r="H101" s="11">
        <v>713985541.28999996</v>
      </c>
      <c r="I101" s="11">
        <v>1999964198.78</v>
      </c>
      <c r="J101" s="11">
        <v>2700693618.5100002</v>
      </c>
      <c r="K101" s="11">
        <v>1955173248.6400001</v>
      </c>
      <c r="L101" s="12"/>
      <c r="M101" s="12"/>
      <c r="N101" s="12"/>
    </row>
    <row r="102" spans="1:14" x14ac:dyDescent="0.25">
      <c r="A102" s="2" t="s">
        <v>194</v>
      </c>
      <c r="B102" s="4" t="s">
        <v>195</v>
      </c>
      <c r="C102" s="13">
        <v>1852505400</v>
      </c>
      <c r="D102" s="13">
        <v>4350784767.29</v>
      </c>
      <c r="E102" s="13">
        <v>532497006.94</v>
      </c>
      <c r="F102" s="13">
        <v>3102244048.2399998</v>
      </c>
      <c r="G102" s="13">
        <v>1248540719.05</v>
      </c>
      <c r="H102" s="13">
        <v>665901654.20000005</v>
      </c>
      <c r="I102" s="13">
        <v>1760846633.0799999</v>
      </c>
      <c r="J102" s="13">
        <v>2589938134.21</v>
      </c>
      <c r="K102" s="13">
        <v>1716055682.9400001</v>
      </c>
      <c r="L102" s="12"/>
      <c r="M102" s="12"/>
      <c r="N102" s="12"/>
    </row>
    <row r="103" spans="1:14" x14ac:dyDescent="0.25">
      <c r="A103" s="2" t="s">
        <v>196</v>
      </c>
      <c r="B103" s="4" t="s">
        <v>197</v>
      </c>
      <c r="C103" s="13">
        <v>32350100</v>
      </c>
      <c r="D103" s="13">
        <v>26799660</v>
      </c>
      <c r="E103" s="13">
        <v>377810.4</v>
      </c>
      <c r="F103" s="13">
        <v>12611977.710000001</v>
      </c>
      <c r="G103" s="13">
        <v>14187682.289999999</v>
      </c>
      <c r="H103" s="13">
        <v>0</v>
      </c>
      <c r="I103" s="13">
        <v>1160000</v>
      </c>
      <c r="J103" s="13">
        <v>25639660</v>
      </c>
      <c r="K103" s="13">
        <v>1160000</v>
      </c>
      <c r="L103" s="12"/>
      <c r="M103" s="12"/>
      <c r="N103" s="12"/>
    </row>
    <row r="104" spans="1:14" x14ac:dyDescent="0.25">
      <c r="A104" s="2" t="s">
        <v>198</v>
      </c>
      <c r="B104" s="4" t="s">
        <v>199</v>
      </c>
      <c r="C104" s="13">
        <v>365615000</v>
      </c>
      <c r="D104" s="13">
        <v>323073390</v>
      </c>
      <c r="E104" s="13">
        <v>18767875.949999999</v>
      </c>
      <c r="F104" s="13">
        <v>319340057.26999998</v>
      </c>
      <c r="G104" s="13">
        <v>3733332.73</v>
      </c>
      <c r="H104" s="13">
        <v>48083887.090000004</v>
      </c>
      <c r="I104" s="13">
        <v>237957565.69999999</v>
      </c>
      <c r="J104" s="13">
        <v>85115824.299999997</v>
      </c>
      <c r="K104" s="13">
        <v>237957565.69999999</v>
      </c>
      <c r="L104" s="12"/>
      <c r="M104" s="12"/>
      <c r="N104" s="12"/>
    </row>
    <row r="105" spans="1:14" x14ac:dyDescent="0.25">
      <c r="A105" s="2" t="s">
        <v>200</v>
      </c>
      <c r="B105" s="4" t="s">
        <v>201</v>
      </c>
      <c r="C105" s="13">
        <v>153967500</v>
      </c>
      <c r="D105" s="13">
        <v>467259</v>
      </c>
      <c r="E105" s="13">
        <v>0</v>
      </c>
      <c r="F105" s="13">
        <v>0</v>
      </c>
      <c r="G105" s="13">
        <v>467259</v>
      </c>
      <c r="H105" s="13">
        <v>0</v>
      </c>
      <c r="I105" s="13">
        <v>0</v>
      </c>
      <c r="J105" s="13">
        <v>467259</v>
      </c>
      <c r="K105" s="13">
        <v>0</v>
      </c>
      <c r="L105" s="12"/>
      <c r="M105" s="12"/>
      <c r="N105" s="12"/>
    </row>
    <row r="106" spans="1:14" x14ac:dyDescent="0.25">
      <c r="A106" s="2" t="s">
        <v>202</v>
      </c>
      <c r="B106" s="4" t="s">
        <v>203</v>
      </c>
      <c r="C106" s="13">
        <v>1852116800</v>
      </c>
      <c r="D106" s="13">
        <v>1870476143.45</v>
      </c>
      <c r="E106" s="13">
        <v>343290787.64999998</v>
      </c>
      <c r="F106" s="13">
        <v>1596202903.22</v>
      </c>
      <c r="G106" s="13">
        <v>274273240.23000002</v>
      </c>
      <c r="H106" s="13">
        <v>376055165.12</v>
      </c>
      <c r="I106" s="13">
        <v>1499556038.95</v>
      </c>
      <c r="J106" s="13">
        <v>370920104.5</v>
      </c>
      <c r="K106" s="13">
        <v>1421672972.6400001</v>
      </c>
      <c r="L106" s="12"/>
      <c r="M106" s="12"/>
      <c r="N106" s="12"/>
    </row>
    <row r="107" spans="1:14" x14ac:dyDescent="0.25">
      <c r="A107" s="3" t="s">
        <v>204</v>
      </c>
      <c r="B107" s="5" t="s">
        <v>205</v>
      </c>
      <c r="C107" s="11">
        <v>18475534800</v>
      </c>
      <c r="D107" s="11">
        <v>22089736215.860001</v>
      </c>
      <c r="E107" s="11">
        <v>3293961005.52</v>
      </c>
      <c r="F107" s="11">
        <v>16491770661.940001</v>
      </c>
      <c r="G107" s="11">
        <v>5597965553.9200001</v>
      </c>
      <c r="H107" s="11">
        <v>3783820864.9299998</v>
      </c>
      <c r="I107" s="11">
        <v>13420283382.34</v>
      </c>
      <c r="J107" s="11">
        <v>8669452833.5200005</v>
      </c>
      <c r="K107" s="11">
        <v>13169371580.059999</v>
      </c>
      <c r="L107" s="12"/>
      <c r="M107" s="12"/>
      <c r="N107" s="12"/>
    </row>
    <row r="108" spans="1:14" x14ac:dyDescent="0.25">
      <c r="A108" s="3" t="s">
        <v>206</v>
      </c>
      <c r="B108" s="5" t="s">
        <v>207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  <c r="L108" s="12"/>
      <c r="M108" s="12"/>
      <c r="N108" s="12"/>
    </row>
    <row r="109" spans="1:14" x14ac:dyDescent="0.25">
      <c r="A109" s="3" t="s">
        <v>208</v>
      </c>
      <c r="B109" s="5" t="s">
        <v>209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  <c r="L109" s="12"/>
      <c r="M109" s="12"/>
      <c r="N109" s="12"/>
    </row>
    <row r="110" spans="1:14" x14ac:dyDescent="0.25">
      <c r="A110" s="2" t="s">
        <v>210</v>
      </c>
      <c r="B110" s="4" t="s">
        <v>211</v>
      </c>
      <c r="C110" s="13">
        <v>0</v>
      </c>
      <c r="D110" s="13">
        <v>0</v>
      </c>
      <c r="E110" s="13">
        <v>0</v>
      </c>
      <c r="F110" s="13">
        <v>0</v>
      </c>
      <c r="G110" s="13">
        <v>0</v>
      </c>
      <c r="H110" s="13">
        <v>0</v>
      </c>
      <c r="I110" s="13">
        <v>0</v>
      </c>
      <c r="J110" s="13">
        <v>0</v>
      </c>
      <c r="K110" s="13">
        <v>0</v>
      </c>
      <c r="L110" s="12"/>
      <c r="M110" s="12"/>
      <c r="N110" s="12"/>
    </row>
    <row r="111" spans="1:14" x14ac:dyDescent="0.25">
      <c r="A111" s="2" t="s">
        <v>212</v>
      </c>
      <c r="B111" s="4" t="s">
        <v>213</v>
      </c>
      <c r="C111" s="13">
        <v>0</v>
      </c>
      <c r="D111" s="13">
        <v>0</v>
      </c>
      <c r="E111" s="13">
        <v>0</v>
      </c>
      <c r="F111" s="13">
        <v>0</v>
      </c>
      <c r="G111" s="13">
        <v>0</v>
      </c>
      <c r="H111" s="13">
        <v>0</v>
      </c>
      <c r="I111" s="13">
        <v>0</v>
      </c>
      <c r="J111" s="13">
        <v>0</v>
      </c>
      <c r="K111" s="13">
        <v>0</v>
      </c>
      <c r="L111" s="12"/>
      <c r="M111" s="12"/>
      <c r="N111" s="12"/>
    </row>
    <row r="112" spans="1:14" x14ac:dyDescent="0.25">
      <c r="A112" s="3" t="s">
        <v>214</v>
      </c>
      <c r="B112" s="5" t="s">
        <v>215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  <c r="L112" s="12"/>
      <c r="M112" s="12"/>
      <c r="N112" s="12"/>
    </row>
    <row r="113" spans="1:14" x14ac:dyDescent="0.25">
      <c r="A113" s="2" t="s">
        <v>216</v>
      </c>
      <c r="B113" s="4" t="s">
        <v>211</v>
      </c>
      <c r="C113" s="13">
        <v>0</v>
      </c>
      <c r="D113" s="13">
        <v>0</v>
      </c>
      <c r="E113" s="13">
        <v>0</v>
      </c>
      <c r="F113" s="13">
        <v>0</v>
      </c>
      <c r="G113" s="13">
        <v>0</v>
      </c>
      <c r="H113" s="13">
        <v>0</v>
      </c>
      <c r="I113" s="13">
        <v>0</v>
      </c>
      <c r="J113" s="13">
        <v>0</v>
      </c>
      <c r="K113" s="13">
        <v>0</v>
      </c>
      <c r="L113" s="12"/>
      <c r="M113" s="12"/>
      <c r="N113" s="12"/>
    </row>
    <row r="114" spans="1:14" x14ac:dyDescent="0.25">
      <c r="A114" s="2" t="s">
        <v>217</v>
      </c>
      <c r="B114" s="4" t="s">
        <v>213</v>
      </c>
      <c r="C114" s="13">
        <v>0</v>
      </c>
      <c r="D114" s="13">
        <v>0</v>
      </c>
      <c r="E114" s="13">
        <v>0</v>
      </c>
      <c r="F114" s="13">
        <v>0</v>
      </c>
      <c r="G114" s="13">
        <v>0</v>
      </c>
      <c r="H114" s="13">
        <v>0</v>
      </c>
      <c r="I114" s="13">
        <v>0</v>
      </c>
      <c r="J114" s="13">
        <v>0</v>
      </c>
      <c r="K114" s="13">
        <v>0</v>
      </c>
      <c r="L114" s="12"/>
      <c r="M114" s="12"/>
      <c r="N114" s="12"/>
    </row>
    <row r="115" spans="1:14" x14ac:dyDescent="0.25">
      <c r="A115" s="3" t="s">
        <v>218</v>
      </c>
      <c r="B115" s="5" t="s">
        <v>219</v>
      </c>
      <c r="C115" s="11">
        <v>18475534800</v>
      </c>
      <c r="D115" s="11">
        <v>22089736215.860001</v>
      </c>
      <c r="E115" s="11">
        <v>3293961005.52</v>
      </c>
      <c r="F115" s="11">
        <v>16491770661.940001</v>
      </c>
      <c r="G115" s="11">
        <v>5597965553.9200001</v>
      </c>
      <c r="H115" s="11">
        <v>3783820864.9299998</v>
      </c>
      <c r="I115" s="11">
        <v>13420283382.34</v>
      </c>
      <c r="J115" s="11">
        <v>8669452833.5200005</v>
      </c>
      <c r="K115" s="11">
        <v>13169371580.059999</v>
      </c>
      <c r="L115" s="12"/>
      <c r="M115" s="12"/>
      <c r="N115" s="12"/>
    </row>
    <row r="116" spans="1:14" x14ac:dyDescent="0.25">
      <c r="A116" s="2" t="s">
        <v>220</v>
      </c>
      <c r="B116" s="4" t="s">
        <v>221</v>
      </c>
      <c r="C116" s="13">
        <v>0</v>
      </c>
      <c r="D116" s="13">
        <v>0</v>
      </c>
      <c r="E116" s="13">
        <v>0</v>
      </c>
      <c r="F116" s="13">
        <v>0</v>
      </c>
      <c r="G116" s="13">
        <v>0</v>
      </c>
      <c r="H116" s="13">
        <v>0</v>
      </c>
      <c r="I116" s="13">
        <v>1490025772.3900001</v>
      </c>
      <c r="J116" s="13">
        <v>0</v>
      </c>
      <c r="K116" s="13">
        <v>1740937574.6700001</v>
      </c>
      <c r="L116" s="12"/>
      <c r="M116" s="12"/>
      <c r="N116" s="12"/>
    </row>
    <row r="117" spans="1:14" x14ac:dyDescent="0.25">
      <c r="A117" s="3" t="s">
        <v>222</v>
      </c>
      <c r="B117" s="5" t="s">
        <v>223</v>
      </c>
      <c r="C117" s="11">
        <v>18475534800</v>
      </c>
      <c r="D117" s="11">
        <v>22089736215.860001</v>
      </c>
      <c r="E117" s="11">
        <v>3293961005.52</v>
      </c>
      <c r="F117" s="11">
        <v>16491770661.940001</v>
      </c>
      <c r="G117" s="11">
        <v>5597965553.9200001</v>
      </c>
      <c r="H117" s="11">
        <v>3783820864.9299998</v>
      </c>
      <c r="I117" s="11">
        <v>14910309154.73</v>
      </c>
      <c r="J117" s="11">
        <v>8669452833.5200005</v>
      </c>
      <c r="K117" s="11">
        <v>14910309154.73</v>
      </c>
      <c r="L117" s="12"/>
      <c r="M117" s="12"/>
      <c r="N117" s="12"/>
    </row>
    <row r="118" spans="1:14" x14ac:dyDescent="0.25">
      <c r="A118" s="2" t="s">
        <v>224</v>
      </c>
      <c r="B118" s="4" t="s">
        <v>225</v>
      </c>
      <c r="C118" s="13">
        <v>0</v>
      </c>
      <c r="D118" s="13">
        <v>0</v>
      </c>
      <c r="E118" s="13">
        <v>0</v>
      </c>
      <c r="F118" s="13">
        <v>0</v>
      </c>
      <c r="G118" s="13">
        <v>0</v>
      </c>
      <c r="H118" s="13">
        <v>0</v>
      </c>
      <c r="I118" s="13">
        <v>0</v>
      </c>
      <c r="J118" s="13">
        <v>0</v>
      </c>
      <c r="K118" s="13">
        <v>0</v>
      </c>
      <c r="L118" s="12"/>
      <c r="M118" s="12"/>
      <c r="N118" s="12"/>
    </row>
    <row r="119" spans="1:14" x14ac:dyDescent="0.25">
      <c r="C119" s="12"/>
      <c r="D119" s="12"/>
      <c r="E119" s="12"/>
      <c r="F119" s="12"/>
      <c r="G119" s="12"/>
      <c r="H119" s="12"/>
      <c r="I119" s="12"/>
      <c r="J119" s="12"/>
      <c r="K119" s="12"/>
      <c r="L119" s="12"/>
      <c r="M119" s="12"/>
      <c r="N119" s="12"/>
    </row>
    <row r="120" spans="1:14" x14ac:dyDescent="0.25">
      <c r="A120" s="10" t="s">
        <v>6</v>
      </c>
      <c r="B120" s="10" t="s">
        <v>226</v>
      </c>
      <c r="C120" s="14" t="s">
        <v>9</v>
      </c>
      <c r="D120" s="14" t="s">
        <v>10</v>
      </c>
      <c r="E120" s="14" t="s">
        <v>11</v>
      </c>
      <c r="F120" s="14" t="s">
        <v>7</v>
      </c>
      <c r="G120" s="14" t="s">
        <v>7</v>
      </c>
      <c r="H120" s="14" t="s">
        <v>7</v>
      </c>
      <c r="I120" s="14" t="s">
        <v>16</v>
      </c>
      <c r="J120" s="12"/>
      <c r="K120" s="12"/>
      <c r="L120" s="12"/>
      <c r="M120" s="12"/>
      <c r="N120" s="12"/>
    </row>
    <row r="121" spans="1:14" ht="21" x14ac:dyDescent="0.25">
      <c r="A121" s="10" t="s">
        <v>7</v>
      </c>
      <c r="B121" s="10" t="s">
        <v>7</v>
      </c>
      <c r="C121" s="14" t="s">
        <v>7</v>
      </c>
      <c r="D121" s="14" t="s">
        <v>7</v>
      </c>
      <c r="E121" s="15" t="s">
        <v>12</v>
      </c>
      <c r="F121" s="15" t="s">
        <v>13</v>
      </c>
      <c r="G121" s="15" t="s">
        <v>14</v>
      </c>
      <c r="H121" s="15" t="s">
        <v>15</v>
      </c>
      <c r="I121" s="14" t="s">
        <v>7</v>
      </c>
      <c r="J121" s="12"/>
      <c r="K121" s="12"/>
      <c r="L121" s="12"/>
      <c r="M121" s="12"/>
      <c r="N121" s="12"/>
    </row>
    <row r="122" spans="1:14" x14ac:dyDescent="0.25">
      <c r="A122" s="3" t="s">
        <v>227</v>
      </c>
      <c r="B122" s="5" t="s">
        <v>228</v>
      </c>
      <c r="C122" s="11">
        <v>1939747300</v>
      </c>
      <c r="D122" s="11">
        <v>1956235800</v>
      </c>
      <c r="E122" s="11">
        <v>383064433.81999999</v>
      </c>
      <c r="F122" s="11">
        <v>19.579999999999998</v>
      </c>
      <c r="G122" s="11">
        <v>1437966625.1600001</v>
      </c>
      <c r="H122" s="11">
        <v>73.510000000000005</v>
      </c>
      <c r="I122" s="11">
        <v>518269174.83999997</v>
      </c>
      <c r="J122" s="12"/>
      <c r="K122" s="12"/>
      <c r="L122" s="12"/>
      <c r="M122" s="12"/>
      <c r="N122" s="12"/>
    </row>
    <row r="123" spans="1:14" x14ac:dyDescent="0.25">
      <c r="A123" s="3" t="s">
        <v>229</v>
      </c>
      <c r="B123" s="5" t="s">
        <v>230</v>
      </c>
      <c r="C123" s="11">
        <v>1939747300</v>
      </c>
      <c r="D123" s="11">
        <v>1956235800</v>
      </c>
      <c r="E123" s="11">
        <v>383064433.81999999</v>
      </c>
      <c r="F123" s="11">
        <v>19.579999999999998</v>
      </c>
      <c r="G123" s="11">
        <v>1437966625.1600001</v>
      </c>
      <c r="H123" s="11">
        <v>73.510000000000005</v>
      </c>
      <c r="I123" s="11">
        <v>518269174.83999997</v>
      </c>
      <c r="J123" s="12"/>
      <c r="K123" s="12"/>
      <c r="L123" s="12"/>
      <c r="M123" s="12"/>
      <c r="N123" s="12"/>
    </row>
    <row r="124" spans="1:14" x14ac:dyDescent="0.25">
      <c r="A124" s="3" t="s">
        <v>231</v>
      </c>
      <c r="B124" s="5" t="s">
        <v>232</v>
      </c>
      <c r="C124" s="11">
        <v>0</v>
      </c>
      <c r="D124" s="11">
        <v>14488500</v>
      </c>
      <c r="E124" s="11">
        <v>0</v>
      </c>
      <c r="F124" s="11">
        <v>0</v>
      </c>
      <c r="G124" s="11">
        <v>0</v>
      </c>
      <c r="H124" s="11">
        <v>0</v>
      </c>
      <c r="I124" s="11">
        <v>14488500</v>
      </c>
      <c r="J124" s="12"/>
      <c r="K124" s="12"/>
      <c r="L124" s="12"/>
      <c r="M124" s="12"/>
      <c r="N124" s="12"/>
    </row>
    <row r="125" spans="1:14" x14ac:dyDescent="0.25">
      <c r="A125" s="2" t="s">
        <v>233</v>
      </c>
      <c r="B125" s="4" t="s">
        <v>234</v>
      </c>
      <c r="C125" s="13">
        <v>0</v>
      </c>
      <c r="D125" s="13">
        <v>0</v>
      </c>
      <c r="E125" s="13">
        <v>0</v>
      </c>
      <c r="F125" s="13">
        <v>0</v>
      </c>
      <c r="G125" s="13">
        <v>0</v>
      </c>
      <c r="H125" s="13">
        <v>0</v>
      </c>
      <c r="I125" s="13">
        <v>0</v>
      </c>
      <c r="J125" s="12"/>
      <c r="K125" s="12"/>
      <c r="L125" s="12"/>
      <c r="M125" s="12"/>
      <c r="N125" s="12"/>
    </row>
    <row r="126" spans="1:14" x14ac:dyDescent="0.25">
      <c r="A126" s="2" t="s">
        <v>235</v>
      </c>
      <c r="B126" s="4" t="s">
        <v>236</v>
      </c>
      <c r="C126" s="13">
        <v>0</v>
      </c>
      <c r="D126" s="13">
        <v>14488500</v>
      </c>
      <c r="E126" s="13">
        <v>0</v>
      </c>
      <c r="F126" s="13">
        <v>0</v>
      </c>
      <c r="G126" s="13">
        <v>0</v>
      </c>
      <c r="H126" s="13">
        <v>0</v>
      </c>
      <c r="I126" s="13">
        <v>14488500</v>
      </c>
      <c r="J126" s="12"/>
      <c r="K126" s="12"/>
      <c r="L126" s="12"/>
      <c r="M126" s="12"/>
      <c r="N126" s="12"/>
    </row>
    <row r="127" spans="1:14" x14ac:dyDescent="0.25">
      <c r="A127" s="2" t="s">
        <v>237</v>
      </c>
      <c r="B127" s="4" t="s">
        <v>238</v>
      </c>
      <c r="C127" s="13">
        <v>0</v>
      </c>
      <c r="D127" s="13">
        <v>0</v>
      </c>
      <c r="E127" s="13">
        <v>0</v>
      </c>
      <c r="F127" s="13">
        <v>0</v>
      </c>
      <c r="G127" s="13">
        <v>0</v>
      </c>
      <c r="H127" s="13">
        <v>0</v>
      </c>
      <c r="I127" s="13">
        <v>0</v>
      </c>
      <c r="J127" s="12"/>
      <c r="K127" s="12"/>
      <c r="L127" s="12"/>
      <c r="M127" s="12"/>
      <c r="N127" s="12"/>
    </row>
    <row r="128" spans="1:14" x14ac:dyDescent="0.25">
      <c r="A128" s="3" t="s">
        <v>239</v>
      </c>
      <c r="B128" s="5" t="s">
        <v>240</v>
      </c>
      <c r="C128" s="11">
        <v>1519441800</v>
      </c>
      <c r="D128" s="11">
        <v>1519441800</v>
      </c>
      <c r="E128" s="11">
        <v>379096669.19999999</v>
      </c>
      <c r="F128" s="11">
        <v>24.95</v>
      </c>
      <c r="G128" s="11">
        <v>1421992959.23</v>
      </c>
      <c r="H128" s="11">
        <v>93.59</v>
      </c>
      <c r="I128" s="11">
        <v>97448840.769999996</v>
      </c>
      <c r="J128" s="12"/>
      <c r="K128" s="12"/>
      <c r="L128" s="12"/>
      <c r="M128" s="12"/>
      <c r="N128" s="12"/>
    </row>
    <row r="129" spans="1:14" x14ac:dyDescent="0.25">
      <c r="A129" s="2" t="s">
        <v>241</v>
      </c>
      <c r="B129" s="4" t="s">
        <v>242</v>
      </c>
      <c r="C129" s="13">
        <v>1519441800</v>
      </c>
      <c r="D129" s="13">
        <v>1519441800</v>
      </c>
      <c r="E129" s="13">
        <v>379096669.19999999</v>
      </c>
      <c r="F129" s="13">
        <v>24.95</v>
      </c>
      <c r="G129" s="13">
        <v>1421992959.23</v>
      </c>
      <c r="H129" s="13">
        <v>93.59</v>
      </c>
      <c r="I129" s="13">
        <v>97448840.769999996</v>
      </c>
      <c r="J129" s="12"/>
      <c r="K129" s="12"/>
      <c r="L129" s="12"/>
      <c r="M129" s="12"/>
      <c r="N129" s="12"/>
    </row>
    <row r="130" spans="1:14" x14ac:dyDescent="0.25">
      <c r="A130" s="2" t="s">
        <v>243</v>
      </c>
      <c r="B130" s="4" t="s">
        <v>244</v>
      </c>
      <c r="C130" s="13">
        <v>0</v>
      </c>
      <c r="D130" s="13">
        <v>0</v>
      </c>
      <c r="E130" s="13">
        <v>0</v>
      </c>
      <c r="F130" s="13">
        <v>0</v>
      </c>
      <c r="G130" s="13">
        <v>0</v>
      </c>
      <c r="H130" s="13">
        <v>0</v>
      </c>
      <c r="I130" s="13">
        <v>0</v>
      </c>
      <c r="J130" s="12"/>
      <c r="K130" s="12"/>
      <c r="L130" s="12"/>
      <c r="M130" s="12"/>
      <c r="N130" s="12"/>
    </row>
    <row r="131" spans="1:14" x14ac:dyDescent="0.25">
      <c r="A131" s="2" t="s">
        <v>245</v>
      </c>
      <c r="B131" s="4" t="s">
        <v>246</v>
      </c>
      <c r="C131" s="13">
        <v>0</v>
      </c>
      <c r="D131" s="13">
        <v>0</v>
      </c>
      <c r="E131" s="13">
        <v>0</v>
      </c>
      <c r="F131" s="13">
        <v>0</v>
      </c>
      <c r="G131" s="13">
        <v>0</v>
      </c>
      <c r="H131" s="13">
        <v>0</v>
      </c>
      <c r="I131" s="13">
        <v>0</v>
      </c>
      <c r="J131" s="12"/>
      <c r="K131" s="12"/>
      <c r="L131" s="12"/>
      <c r="M131" s="12"/>
      <c r="N131" s="12"/>
    </row>
    <row r="132" spans="1:14" x14ac:dyDescent="0.25">
      <c r="A132" s="2" t="s">
        <v>247</v>
      </c>
      <c r="B132" s="4" t="s">
        <v>248</v>
      </c>
      <c r="C132" s="13">
        <v>0</v>
      </c>
      <c r="D132" s="13">
        <v>0</v>
      </c>
      <c r="E132" s="13">
        <v>0</v>
      </c>
      <c r="F132" s="13">
        <v>0</v>
      </c>
      <c r="G132" s="13">
        <v>0</v>
      </c>
      <c r="H132" s="13">
        <v>0</v>
      </c>
      <c r="I132" s="13">
        <v>0</v>
      </c>
      <c r="J132" s="12"/>
      <c r="K132" s="12"/>
      <c r="L132" s="12"/>
      <c r="M132" s="12"/>
      <c r="N132" s="12"/>
    </row>
    <row r="133" spans="1:14" x14ac:dyDescent="0.25">
      <c r="A133" s="3" t="s">
        <v>249</v>
      </c>
      <c r="B133" s="5" t="s">
        <v>250</v>
      </c>
      <c r="C133" s="11">
        <v>90000</v>
      </c>
      <c r="D133" s="11">
        <v>90000</v>
      </c>
      <c r="E133" s="11">
        <v>0</v>
      </c>
      <c r="F133" s="11">
        <v>0</v>
      </c>
      <c r="G133" s="11">
        <v>0</v>
      </c>
      <c r="H133" s="11">
        <v>0</v>
      </c>
      <c r="I133" s="11">
        <v>90000</v>
      </c>
      <c r="J133" s="12"/>
      <c r="K133" s="12"/>
      <c r="L133" s="12"/>
      <c r="M133" s="12"/>
      <c r="N133" s="12"/>
    </row>
    <row r="134" spans="1:14" x14ac:dyDescent="0.25">
      <c r="A134" s="2" t="s">
        <v>251</v>
      </c>
      <c r="B134" s="4" t="s">
        <v>252</v>
      </c>
      <c r="C134" s="13">
        <v>90000</v>
      </c>
      <c r="D134" s="13">
        <v>90000</v>
      </c>
      <c r="E134" s="13">
        <v>0</v>
      </c>
      <c r="F134" s="13">
        <v>0</v>
      </c>
      <c r="G134" s="13">
        <v>0</v>
      </c>
      <c r="H134" s="13">
        <v>0</v>
      </c>
      <c r="I134" s="13">
        <v>90000</v>
      </c>
      <c r="J134" s="12"/>
      <c r="K134" s="12"/>
      <c r="L134" s="12"/>
      <c r="M134" s="12"/>
      <c r="N134" s="12"/>
    </row>
    <row r="135" spans="1:14" x14ac:dyDescent="0.25">
      <c r="A135" s="2" t="s">
        <v>253</v>
      </c>
      <c r="B135" s="4" t="s">
        <v>254</v>
      </c>
      <c r="C135" s="13">
        <v>0</v>
      </c>
      <c r="D135" s="13">
        <v>0</v>
      </c>
      <c r="E135" s="13">
        <v>0</v>
      </c>
      <c r="F135" s="13">
        <v>0</v>
      </c>
      <c r="G135" s="13">
        <v>0</v>
      </c>
      <c r="H135" s="13">
        <v>0</v>
      </c>
      <c r="I135" s="13">
        <v>0</v>
      </c>
      <c r="J135" s="12"/>
      <c r="K135" s="12"/>
      <c r="L135" s="12"/>
      <c r="M135" s="12"/>
      <c r="N135" s="12"/>
    </row>
    <row r="136" spans="1:14" x14ac:dyDescent="0.25">
      <c r="A136" s="2" t="s">
        <v>255</v>
      </c>
      <c r="B136" s="4" t="s">
        <v>256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  <c r="I136" s="13">
        <v>0</v>
      </c>
      <c r="J136" s="12"/>
      <c r="K136" s="12"/>
      <c r="L136" s="12"/>
      <c r="M136" s="12"/>
      <c r="N136" s="12"/>
    </row>
    <row r="137" spans="1:14" x14ac:dyDescent="0.25">
      <c r="A137" s="2" t="s">
        <v>257</v>
      </c>
      <c r="B137" s="4" t="s">
        <v>258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  <c r="I137" s="13">
        <v>0</v>
      </c>
      <c r="J137" s="12"/>
      <c r="K137" s="12"/>
      <c r="L137" s="12"/>
      <c r="M137" s="12"/>
      <c r="N137" s="12"/>
    </row>
    <row r="138" spans="1:14" x14ac:dyDescent="0.25">
      <c r="A138" s="2" t="s">
        <v>259</v>
      </c>
      <c r="B138" s="4" t="s">
        <v>260</v>
      </c>
      <c r="C138" s="13">
        <v>0</v>
      </c>
      <c r="D138" s="13">
        <v>0</v>
      </c>
      <c r="E138" s="13">
        <v>0</v>
      </c>
      <c r="F138" s="13">
        <v>0</v>
      </c>
      <c r="G138" s="13">
        <v>0</v>
      </c>
      <c r="H138" s="13">
        <v>0</v>
      </c>
      <c r="I138" s="13">
        <v>0</v>
      </c>
      <c r="J138" s="12"/>
      <c r="K138" s="12"/>
      <c r="L138" s="12"/>
      <c r="M138" s="12"/>
      <c r="N138" s="12"/>
    </row>
    <row r="139" spans="1:14" x14ac:dyDescent="0.25">
      <c r="A139" s="2" t="s">
        <v>261</v>
      </c>
      <c r="B139" s="4" t="s">
        <v>262</v>
      </c>
      <c r="C139" s="13">
        <v>0</v>
      </c>
      <c r="D139" s="13">
        <v>0</v>
      </c>
      <c r="E139" s="13">
        <v>0</v>
      </c>
      <c r="F139" s="13">
        <v>0</v>
      </c>
      <c r="G139" s="13">
        <v>0</v>
      </c>
      <c r="H139" s="13">
        <v>0</v>
      </c>
      <c r="I139" s="13">
        <v>0</v>
      </c>
      <c r="J139" s="12"/>
      <c r="K139" s="12"/>
      <c r="L139" s="12"/>
      <c r="M139" s="12"/>
      <c r="N139" s="12"/>
    </row>
    <row r="140" spans="1:14" x14ac:dyDescent="0.25">
      <c r="A140" s="2" t="s">
        <v>263</v>
      </c>
      <c r="B140" s="4" t="s">
        <v>264</v>
      </c>
      <c r="C140" s="13">
        <v>0</v>
      </c>
      <c r="D140" s="13">
        <v>0</v>
      </c>
      <c r="E140" s="13">
        <v>0</v>
      </c>
      <c r="F140" s="13">
        <v>0</v>
      </c>
      <c r="G140" s="13">
        <v>0</v>
      </c>
      <c r="H140" s="13">
        <v>0</v>
      </c>
      <c r="I140" s="13">
        <v>0</v>
      </c>
      <c r="J140" s="12"/>
      <c r="K140" s="12"/>
      <c r="L140" s="12"/>
      <c r="M140" s="12"/>
      <c r="N140" s="12"/>
    </row>
    <row r="141" spans="1:14" x14ac:dyDescent="0.25">
      <c r="A141" s="2" t="s">
        <v>265</v>
      </c>
      <c r="B141" s="4" t="s">
        <v>266</v>
      </c>
      <c r="C141" s="13">
        <v>0</v>
      </c>
      <c r="D141" s="13">
        <v>0</v>
      </c>
      <c r="E141" s="13">
        <v>0</v>
      </c>
      <c r="F141" s="13">
        <v>0</v>
      </c>
      <c r="G141" s="13">
        <v>0</v>
      </c>
      <c r="H141" s="13">
        <v>0</v>
      </c>
      <c r="I141" s="13">
        <v>0</v>
      </c>
      <c r="J141" s="12"/>
      <c r="K141" s="12"/>
      <c r="L141" s="12"/>
      <c r="M141" s="12"/>
      <c r="N141" s="12"/>
    </row>
    <row r="142" spans="1:14" x14ac:dyDescent="0.25">
      <c r="A142" s="2" t="s">
        <v>267</v>
      </c>
      <c r="B142" s="4" t="s">
        <v>268</v>
      </c>
      <c r="C142" s="13">
        <v>0</v>
      </c>
      <c r="D142" s="13">
        <v>0</v>
      </c>
      <c r="E142" s="13">
        <v>0</v>
      </c>
      <c r="F142" s="13">
        <v>0</v>
      </c>
      <c r="G142" s="13">
        <v>0</v>
      </c>
      <c r="H142" s="13">
        <v>0</v>
      </c>
      <c r="I142" s="13">
        <v>0</v>
      </c>
      <c r="J142" s="12"/>
      <c r="K142" s="12"/>
      <c r="L142" s="12"/>
      <c r="M142" s="12"/>
      <c r="N142" s="12"/>
    </row>
    <row r="143" spans="1:14" x14ac:dyDescent="0.25">
      <c r="A143" s="3" t="s">
        <v>269</v>
      </c>
      <c r="B143" s="5" t="s">
        <v>270</v>
      </c>
      <c r="C143" s="11">
        <v>0</v>
      </c>
      <c r="D143" s="11">
        <v>2000000</v>
      </c>
      <c r="E143" s="11">
        <v>2000000</v>
      </c>
      <c r="F143" s="11">
        <v>100</v>
      </c>
      <c r="G143" s="11">
        <v>7502776</v>
      </c>
      <c r="H143" s="11">
        <v>375.14</v>
      </c>
      <c r="I143" s="11">
        <v>-5502776</v>
      </c>
      <c r="J143" s="12"/>
      <c r="K143" s="12"/>
      <c r="L143" s="12"/>
      <c r="M143" s="12"/>
      <c r="N143" s="12"/>
    </row>
    <row r="144" spans="1:14" x14ac:dyDescent="0.25">
      <c r="A144" s="2" t="s">
        <v>271</v>
      </c>
      <c r="B144" s="4" t="s">
        <v>272</v>
      </c>
      <c r="C144" s="13">
        <v>0</v>
      </c>
      <c r="D144" s="13">
        <v>2000000</v>
      </c>
      <c r="E144" s="13">
        <v>2000000</v>
      </c>
      <c r="F144" s="13">
        <v>100</v>
      </c>
      <c r="G144" s="13">
        <v>7502776</v>
      </c>
      <c r="H144" s="13">
        <v>375.14</v>
      </c>
      <c r="I144" s="13">
        <v>-5502776</v>
      </c>
      <c r="J144" s="12"/>
      <c r="K144" s="12"/>
      <c r="L144" s="12"/>
      <c r="M144" s="12"/>
      <c r="N144" s="12"/>
    </row>
    <row r="145" spans="1:14" x14ac:dyDescent="0.25">
      <c r="A145" s="2" t="s">
        <v>273</v>
      </c>
      <c r="B145" s="4" t="s">
        <v>274</v>
      </c>
      <c r="C145" s="13">
        <v>0</v>
      </c>
      <c r="D145" s="13">
        <v>0</v>
      </c>
      <c r="E145" s="13">
        <v>0</v>
      </c>
      <c r="F145" s="13">
        <v>0</v>
      </c>
      <c r="G145" s="13">
        <v>0</v>
      </c>
      <c r="H145" s="13">
        <v>0</v>
      </c>
      <c r="I145" s="13">
        <v>0</v>
      </c>
      <c r="J145" s="12"/>
      <c r="K145" s="12"/>
      <c r="L145" s="12"/>
      <c r="M145" s="12"/>
      <c r="N145" s="12"/>
    </row>
    <row r="146" spans="1:14" x14ac:dyDescent="0.25">
      <c r="A146" s="2" t="s">
        <v>275</v>
      </c>
      <c r="B146" s="4" t="s">
        <v>276</v>
      </c>
      <c r="C146" s="13">
        <v>0</v>
      </c>
      <c r="D146" s="13">
        <v>0</v>
      </c>
      <c r="E146" s="13">
        <v>0</v>
      </c>
      <c r="F146" s="13">
        <v>0</v>
      </c>
      <c r="G146" s="13">
        <v>0</v>
      </c>
      <c r="H146" s="13">
        <v>0</v>
      </c>
      <c r="I146" s="13">
        <v>0</v>
      </c>
      <c r="J146" s="12"/>
      <c r="K146" s="12"/>
      <c r="L146" s="12"/>
      <c r="M146" s="12"/>
      <c r="N146" s="12"/>
    </row>
    <row r="147" spans="1:14" x14ac:dyDescent="0.25">
      <c r="A147" s="2" t="s">
        <v>277</v>
      </c>
      <c r="B147" s="4" t="s">
        <v>278</v>
      </c>
      <c r="C147" s="13">
        <v>0</v>
      </c>
      <c r="D147" s="13">
        <v>0</v>
      </c>
      <c r="E147" s="13">
        <v>0</v>
      </c>
      <c r="F147" s="13">
        <v>0</v>
      </c>
      <c r="G147" s="13">
        <v>0</v>
      </c>
      <c r="H147" s="13">
        <v>0</v>
      </c>
      <c r="I147" s="13">
        <v>0</v>
      </c>
      <c r="J147" s="12"/>
      <c r="K147" s="12"/>
      <c r="L147" s="12"/>
      <c r="M147" s="12"/>
      <c r="N147" s="12"/>
    </row>
    <row r="148" spans="1:14" x14ac:dyDescent="0.25">
      <c r="A148" s="2" t="s">
        <v>279</v>
      </c>
      <c r="B148" s="4" t="s">
        <v>280</v>
      </c>
      <c r="C148" s="13">
        <v>0</v>
      </c>
      <c r="D148" s="13">
        <v>0</v>
      </c>
      <c r="E148" s="13">
        <v>0</v>
      </c>
      <c r="F148" s="13">
        <v>0</v>
      </c>
      <c r="G148" s="13">
        <v>0</v>
      </c>
      <c r="H148" s="13">
        <v>0</v>
      </c>
      <c r="I148" s="13">
        <v>0</v>
      </c>
      <c r="J148" s="12"/>
      <c r="K148" s="12"/>
      <c r="L148" s="12"/>
      <c r="M148" s="12"/>
      <c r="N148" s="12"/>
    </row>
    <row r="149" spans="1:14" x14ac:dyDescent="0.25">
      <c r="A149" s="3" t="s">
        <v>281</v>
      </c>
      <c r="B149" s="5" t="s">
        <v>282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  <c r="J149" s="12"/>
      <c r="K149" s="12"/>
      <c r="L149" s="12"/>
      <c r="M149" s="12"/>
      <c r="N149" s="12"/>
    </row>
    <row r="150" spans="1:14" x14ac:dyDescent="0.25">
      <c r="A150" s="2" t="s">
        <v>283</v>
      </c>
      <c r="B150" s="4" t="s">
        <v>284</v>
      </c>
      <c r="C150" s="13">
        <v>0</v>
      </c>
      <c r="D150" s="13">
        <v>0</v>
      </c>
      <c r="E150" s="13">
        <v>0</v>
      </c>
      <c r="F150" s="13">
        <v>0</v>
      </c>
      <c r="G150" s="13">
        <v>0</v>
      </c>
      <c r="H150" s="13">
        <v>0</v>
      </c>
      <c r="I150" s="13">
        <v>0</v>
      </c>
      <c r="J150" s="12"/>
      <c r="K150" s="12"/>
      <c r="L150" s="12"/>
      <c r="M150" s="12"/>
      <c r="N150" s="12"/>
    </row>
    <row r="151" spans="1:14" x14ac:dyDescent="0.25">
      <c r="A151" s="2" t="s">
        <v>285</v>
      </c>
      <c r="B151" s="4" t="s">
        <v>286</v>
      </c>
      <c r="C151" s="13">
        <v>0</v>
      </c>
      <c r="D151" s="13">
        <v>0</v>
      </c>
      <c r="E151" s="13">
        <v>0</v>
      </c>
      <c r="F151" s="13">
        <v>0</v>
      </c>
      <c r="G151" s="13">
        <v>0</v>
      </c>
      <c r="H151" s="13">
        <v>0</v>
      </c>
      <c r="I151" s="13">
        <v>0</v>
      </c>
      <c r="J151" s="12"/>
      <c r="K151" s="12"/>
      <c r="L151" s="12"/>
      <c r="M151" s="12"/>
      <c r="N151" s="12"/>
    </row>
    <row r="152" spans="1:14" x14ac:dyDescent="0.25">
      <c r="A152" s="2" t="s">
        <v>287</v>
      </c>
      <c r="B152" s="4" t="s">
        <v>288</v>
      </c>
      <c r="C152" s="13">
        <v>0</v>
      </c>
      <c r="D152" s="13">
        <v>0</v>
      </c>
      <c r="E152" s="13">
        <v>0</v>
      </c>
      <c r="F152" s="13">
        <v>0</v>
      </c>
      <c r="G152" s="13">
        <v>0</v>
      </c>
      <c r="H152" s="13">
        <v>0</v>
      </c>
      <c r="I152" s="13">
        <v>0</v>
      </c>
      <c r="J152" s="12"/>
      <c r="K152" s="12"/>
      <c r="L152" s="12"/>
      <c r="M152" s="12"/>
      <c r="N152" s="12"/>
    </row>
    <row r="153" spans="1:14" x14ac:dyDescent="0.25">
      <c r="A153" s="2" t="s">
        <v>289</v>
      </c>
      <c r="B153" s="4" t="s">
        <v>290</v>
      </c>
      <c r="C153" s="13">
        <v>0</v>
      </c>
      <c r="D153" s="13">
        <v>0</v>
      </c>
      <c r="E153" s="13">
        <v>0</v>
      </c>
      <c r="F153" s="13">
        <v>0</v>
      </c>
      <c r="G153" s="13">
        <v>0</v>
      </c>
      <c r="H153" s="13">
        <v>0</v>
      </c>
      <c r="I153" s="13">
        <v>0</v>
      </c>
      <c r="J153" s="12"/>
      <c r="K153" s="12"/>
      <c r="L153" s="12"/>
      <c r="M153" s="12"/>
      <c r="N153" s="12"/>
    </row>
    <row r="154" spans="1:14" x14ac:dyDescent="0.25">
      <c r="A154" s="2" t="s">
        <v>291</v>
      </c>
      <c r="B154" s="4" t="s">
        <v>292</v>
      </c>
      <c r="C154" s="13">
        <v>0</v>
      </c>
      <c r="D154" s="13">
        <v>0</v>
      </c>
      <c r="E154" s="13">
        <v>0</v>
      </c>
      <c r="F154" s="13">
        <v>0</v>
      </c>
      <c r="G154" s="13">
        <v>0</v>
      </c>
      <c r="H154" s="13">
        <v>0</v>
      </c>
      <c r="I154" s="13">
        <v>0</v>
      </c>
      <c r="J154" s="12"/>
      <c r="K154" s="12"/>
      <c r="L154" s="12"/>
      <c r="M154" s="12"/>
      <c r="N154" s="12"/>
    </row>
    <row r="155" spans="1:14" x14ac:dyDescent="0.25">
      <c r="A155" s="2" t="s">
        <v>293</v>
      </c>
      <c r="B155" s="4" t="s">
        <v>294</v>
      </c>
      <c r="C155" s="13">
        <v>0</v>
      </c>
      <c r="D155" s="13">
        <v>0</v>
      </c>
      <c r="E155" s="13">
        <v>0</v>
      </c>
      <c r="F155" s="13">
        <v>0</v>
      </c>
      <c r="G155" s="13">
        <v>0</v>
      </c>
      <c r="H155" s="13">
        <v>0</v>
      </c>
      <c r="I155" s="13">
        <v>0</v>
      </c>
      <c r="J155" s="12"/>
      <c r="K155" s="12"/>
      <c r="L155" s="12"/>
      <c r="M155" s="12"/>
      <c r="N155" s="12"/>
    </row>
    <row r="156" spans="1:14" x14ac:dyDescent="0.25">
      <c r="A156" s="2" t="s">
        <v>295</v>
      </c>
      <c r="B156" s="4" t="s">
        <v>296</v>
      </c>
      <c r="C156" s="13">
        <v>0</v>
      </c>
      <c r="D156" s="13">
        <v>0</v>
      </c>
      <c r="E156" s="13">
        <v>0</v>
      </c>
      <c r="F156" s="13">
        <v>0</v>
      </c>
      <c r="G156" s="13">
        <v>0</v>
      </c>
      <c r="H156" s="13">
        <v>0</v>
      </c>
      <c r="I156" s="13">
        <v>0</v>
      </c>
      <c r="J156" s="12"/>
      <c r="K156" s="12"/>
      <c r="L156" s="12"/>
      <c r="M156" s="12"/>
      <c r="N156" s="12"/>
    </row>
    <row r="157" spans="1:14" x14ac:dyDescent="0.25">
      <c r="A157" s="3" t="s">
        <v>297</v>
      </c>
      <c r="B157" s="5" t="s">
        <v>298</v>
      </c>
      <c r="C157" s="11">
        <v>420215500</v>
      </c>
      <c r="D157" s="11">
        <v>420215500</v>
      </c>
      <c r="E157" s="11">
        <v>1967764.62</v>
      </c>
      <c r="F157" s="11">
        <v>0.47</v>
      </c>
      <c r="G157" s="11">
        <v>8470889.9299999997</v>
      </c>
      <c r="H157" s="11">
        <v>2.02</v>
      </c>
      <c r="I157" s="11">
        <v>411744610.06999999</v>
      </c>
      <c r="J157" s="12"/>
      <c r="K157" s="12"/>
      <c r="L157" s="12"/>
      <c r="M157" s="12"/>
      <c r="N157" s="12"/>
    </row>
    <row r="158" spans="1:14" x14ac:dyDescent="0.25">
      <c r="A158" s="2" t="s">
        <v>299</v>
      </c>
      <c r="B158" s="4" t="s">
        <v>300</v>
      </c>
      <c r="C158" s="13">
        <v>0</v>
      </c>
      <c r="D158" s="13">
        <v>0</v>
      </c>
      <c r="E158" s="13">
        <v>0</v>
      </c>
      <c r="F158" s="13">
        <v>0</v>
      </c>
      <c r="G158" s="13">
        <v>0</v>
      </c>
      <c r="H158" s="13">
        <v>0</v>
      </c>
      <c r="I158" s="13">
        <v>0</v>
      </c>
      <c r="J158" s="12"/>
      <c r="K158" s="12"/>
      <c r="L158" s="12"/>
      <c r="M158" s="12"/>
      <c r="N158" s="12"/>
    </row>
    <row r="159" spans="1:14" x14ac:dyDescent="0.25">
      <c r="A159" s="2" t="s">
        <v>301</v>
      </c>
      <c r="B159" s="4" t="s">
        <v>302</v>
      </c>
      <c r="C159" s="13">
        <v>10500000</v>
      </c>
      <c r="D159" s="13">
        <v>10500000</v>
      </c>
      <c r="E159" s="13">
        <v>1967764.62</v>
      </c>
      <c r="F159" s="13">
        <v>18.739999999999998</v>
      </c>
      <c r="G159" s="13">
        <v>8470889.9299999997</v>
      </c>
      <c r="H159" s="13">
        <v>80.680000000000007</v>
      </c>
      <c r="I159" s="13">
        <v>2029110.07</v>
      </c>
      <c r="J159" s="12"/>
      <c r="K159" s="12"/>
      <c r="L159" s="12"/>
      <c r="M159" s="12"/>
      <c r="N159" s="12"/>
    </row>
    <row r="160" spans="1:14" x14ac:dyDescent="0.25">
      <c r="A160" s="2" t="s">
        <v>303</v>
      </c>
      <c r="B160" s="4" t="s">
        <v>304</v>
      </c>
      <c r="C160" s="13">
        <v>0</v>
      </c>
      <c r="D160" s="13">
        <v>0</v>
      </c>
      <c r="E160" s="13">
        <v>0</v>
      </c>
      <c r="F160" s="13">
        <v>0</v>
      </c>
      <c r="G160" s="13">
        <v>0</v>
      </c>
      <c r="H160" s="13">
        <v>0</v>
      </c>
      <c r="I160" s="13">
        <v>0</v>
      </c>
      <c r="J160" s="12"/>
      <c r="K160" s="12"/>
      <c r="L160" s="12"/>
      <c r="M160" s="12"/>
      <c r="N160" s="12"/>
    </row>
    <row r="161" spans="1:14" x14ac:dyDescent="0.25">
      <c r="A161" s="2" t="s">
        <v>305</v>
      </c>
      <c r="B161" s="4" t="s">
        <v>306</v>
      </c>
      <c r="C161" s="13">
        <v>0</v>
      </c>
      <c r="D161" s="13">
        <v>0</v>
      </c>
      <c r="E161" s="13">
        <v>0</v>
      </c>
      <c r="F161" s="13">
        <v>0</v>
      </c>
      <c r="G161" s="13">
        <v>0</v>
      </c>
      <c r="H161" s="13">
        <v>0</v>
      </c>
      <c r="I161" s="13">
        <v>0</v>
      </c>
      <c r="J161" s="12"/>
      <c r="K161" s="12"/>
      <c r="L161" s="12"/>
      <c r="M161" s="12"/>
      <c r="N161" s="12"/>
    </row>
    <row r="162" spans="1:14" x14ac:dyDescent="0.25">
      <c r="A162" s="2" t="s">
        <v>307</v>
      </c>
      <c r="B162" s="4" t="s">
        <v>308</v>
      </c>
      <c r="C162" s="13">
        <v>409715500</v>
      </c>
      <c r="D162" s="13">
        <v>409715500</v>
      </c>
      <c r="E162" s="13">
        <v>0</v>
      </c>
      <c r="F162" s="13">
        <v>0</v>
      </c>
      <c r="G162" s="13">
        <v>0</v>
      </c>
      <c r="H162" s="13">
        <v>0</v>
      </c>
      <c r="I162" s="13">
        <v>409715500</v>
      </c>
      <c r="J162" s="12"/>
      <c r="K162" s="12"/>
      <c r="L162" s="12"/>
      <c r="M162" s="12"/>
      <c r="N162" s="12"/>
    </row>
    <row r="163" spans="1:14" x14ac:dyDescent="0.25">
      <c r="A163" s="3" t="s">
        <v>309</v>
      </c>
      <c r="B163" s="5" t="s">
        <v>310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  <c r="J163" s="12"/>
      <c r="K163" s="12"/>
      <c r="L163" s="12"/>
      <c r="M163" s="12"/>
      <c r="N163" s="12"/>
    </row>
    <row r="164" spans="1:14" x14ac:dyDescent="0.25">
      <c r="A164" s="3" t="s">
        <v>311</v>
      </c>
      <c r="B164" s="5" t="s">
        <v>312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  <c r="J164" s="12"/>
      <c r="K164" s="12"/>
      <c r="L164" s="12"/>
      <c r="M164" s="12"/>
      <c r="N164" s="12"/>
    </row>
    <row r="165" spans="1:14" x14ac:dyDescent="0.25">
      <c r="A165" s="2" t="s">
        <v>313</v>
      </c>
      <c r="B165" s="4" t="s">
        <v>314</v>
      </c>
      <c r="C165" s="13">
        <v>0</v>
      </c>
      <c r="D165" s="13">
        <v>0</v>
      </c>
      <c r="E165" s="13">
        <v>0</v>
      </c>
      <c r="F165" s="13">
        <v>0</v>
      </c>
      <c r="G165" s="13">
        <v>0</v>
      </c>
      <c r="H165" s="13">
        <v>0</v>
      </c>
      <c r="I165" s="13">
        <v>0</v>
      </c>
      <c r="J165" s="12"/>
      <c r="K165" s="12"/>
      <c r="L165" s="12"/>
      <c r="M165" s="12"/>
      <c r="N165" s="12"/>
    </row>
    <row r="166" spans="1:14" x14ac:dyDescent="0.25">
      <c r="A166" s="2" t="s">
        <v>315</v>
      </c>
      <c r="B166" s="4" t="s">
        <v>316</v>
      </c>
      <c r="C166" s="13">
        <v>0</v>
      </c>
      <c r="D166" s="13">
        <v>0</v>
      </c>
      <c r="E166" s="13">
        <v>0</v>
      </c>
      <c r="F166" s="13">
        <v>0</v>
      </c>
      <c r="G166" s="13">
        <v>0</v>
      </c>
      <c r="H166" s="13">
        <v>0</v>
      </c>
      <c r="I166" s="13">
        <v>0</v>
      </c>
      <c r="J166" s="12"/>
      <c r="K166" s="12"/>
      <c r="L166" s="12"/>
      <c r="M166" s="12"/>
      <c r="N166" s="12"/>
    </row>
    <row r="167" spans="1:14" x14ac:dyDescent="0.25">
      <c r="A167" s="3" t="s">
        <v>317</v>
      </c>
      <c r="B167" s="5" t="s">
        <v>318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  <c r="J167" s="12"/>
      <c r="K167" s="12"/>
      <c r="L167" s="12"/>
      <c r="M167" s="12"/>
      <c r="N167" s="12"/>
    </row>
    <row r="168" spans="1:14" x14ac:dyDescent="0.25">
      <c r="A168" s="2" t="s">
        <v>319</v>
      </c>
      <c r="B168" s="4" t="s">
        <v>320</v>
      </c>
      <c r="C168" s="13">
        <v>0</v>
      </c>
      <c r="D168" s="13">
        <v>0</v>
      </c>
      <c r="E168" s="13">
        <v>0</v>
      </c>
      <c r="F168" s="13">
        <v>0</v>
      </c>
      <c r="G168" s="13">
        <v>0</v>
      </c>
      <c r="H168" s="13">
        <v>0</v>
      </c>
      <c r="I168" s="13">
        <v>0</v>
      </c>
      <c r="J168" s="12"/>
      <c r="K168" s="12"/>
      <c r="L168" s="12"/>
      <c r="M168" s="12"/>
      <c r="N168" s="12"/>
    </row>
    <row r="169" spans="1:14" x14ac:dyDescent="0.25">
      <c r="A169" s="2" t="s">
        <v>321</v>
      </c>
      <c r="B169" s="4" t="s">
        <v>322</v>
      </c>
      <c r="C169" s="13">
        <v>0</v>
      </c>
      <c r="D169" s="13">
        <v>0</v>
      </c>
      <c r="E169" s="13">
        <v>0</v>
      </c>
      <c r="F169" s="13">
        <v>0</v>
      </c>
      <c r="G169" s="13">
        <v>0</v>
      </c>
      <c r="H169" s="13">
        <v>0</v>
      </c>
      <c r="I169" s="13">
        <v>0</v>
      </c>
      <c r="J169" s="12"/>
      <c r="K169" s="12"/>
      <c r="L169" s="12"/>
      <c r="M169" s="12"/>
      <c r="N169" s="12"/>
    </row>
    <row r="170" spans="1:14" x14ac:dyDescent="0.25">
      <c r="A170" s="2" t="s">
        <v>323</v>
      </c>
      <c r="B170" s="4" t="s">
        <v>324</v>
      </c>
      <c r="C170" s="13">
        <v>0</v>
      </c>
      <c r="D170" s="13">
        <v>0</v>
      </c>
      <c r="E170" s="13">
        <v>0</v>
      </c>
      <c r="F170" s="13">
        <v>0</v>
      </c>
      <c r="G170" s="13">
        <v>0</v>
      </c>
      <c r="H170" s="13">
        <v>0</v>
      </c>
      <c r="I170" s="13">
        <v>0</v>
      </c>
      <c r="J170" s="12"/>
      <c r="K170" s="12"/>
      <c r="L170" s="12"/>
      <c r="M170" s="12"/>
      <c r="N170" s="12"/>
    </row>
    <row r="171" spans="1:14" x14ac:dyDescent="0.25">
      <c r="A171" s="2" t="s">
        <v>325</v>
      </c>
      <c r="B171" s="4" t="s">
        <v>326</v>
      </c>
      <c r="C171" s="13">
        <v>0</v>
      </c>
      <c r="D171" s="13">
        <v>0</v>
      </c>
      <c r="E171" s="13">
        <v>0</v>
      </c>
      <c r="F171" s="13">
        <v>0</v>
      </c>
      <c r="G171" s="13">
        <v>0</v>
      </c>
      <c r="H171" s="13">
        <v>0</v>
      </c>
      <c r="I171" s="13">
        <v>0</v>
      </c>
      <c r="J171" s="12"/>
      <c r="K171" s="12"/>
      <c r="L171" s="12"/>
      <c r="M171" s="12"/>
      <c r="N171" s="12"/>
    </row>
    <row r="172" spans="1:14" x14ac:dyDescent="0.25">
      <c r="A172" s="3" t="s">
        <v>327</v>
      </c>
      <c r="B172" s="5" t="s">
        <v>328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  <c r="J172" s="12"/>
      <c r="K172" s="12"/>
      <c r="L172" s="12"/>
      <c r="M172" s="12"/>
      <c r="N172" s="12"/>
    </row>
    <row r="173" spans="1:14" x14ac:dyDescent="0.25">
      <c r="A173" s="2" t="s">
        <v>329</v>
      </c>
      <c r="B173" s="4" t="s">
        <v>284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3">
        <v>0</v>
      </c>
      <c r="I173" s="13">
        <v>0</v>
      </c>
      <c r="J173" s="12"/>
      <c r="K173" s="12"/>
      <c r="L173" s="12"/>
      <c r="M173" s="12"/>
      <c r="N173" s="12"/>
    </row>
    <row r="174" spans="1:14" x14ac:dyDescent="0.25">
      <c r="A174" s="2" t="s">
        <v>330</v>
      </c>
      <c r="B174" s="4" t="s">
        <v>286</v>
      </c>
      <c r="C174" s="13">
        <v>0</v>
      </c>
      <c r="D174" s="13">
        <v>0</v>
      </c>
      <c r="E174" s="13">
        <v>0</v>
      </c>
      <c r="F174" s="13">
        <v>0</v>
      </c>
      <c r="G174" s="13">
        <v>0</v>
      </c>
      <c r="H174" s="13">
        <v>0</v>
      </c>
      <c r="I174" s="13">
        <v>0</v>
      </c>
      <c r="J174" s="12"/>
      <c r="K174" s="12"/>
      <c r="L174" s="12"/>
      <c r="M174" s="12"/>
      <c r="N174" s="12"/>
    </row>
    <row r="175" spans="1:14" x14ac:dyDescent="0.25">
      <c r="A175" s="2" t="s">
        <v>331</v>
      </c>
      <c r="B175" s="4" t="s">
        <v>288</v>
      </c>
      <c r="C175" s="13">
        <v>0</v>
      </c>
      <c r="D175" s="13">
        <v>0</v>
      </c>
      <c r="E175" s="13">
        <v>0</v>
      </c>
      <c r="F175" s="13">
        <v>0</v>
      </c>
      <c r="G175" s="13">
        <v>0</v>
      </c>
      <c r="H175" s="13">
        <v>0</v>
      </c>
      <c r="I175" s="13">
        <v>0</v>
      </c>
      <c r="J175" s="12"/>
      <c r="K175" s="12"/>
      <c r="L175" s="12"/>
      <c r="M175" s="12"/>
      <c r="N175" s="12"/>
    </row>
    <row r="176" spans="1:14" x14ac:dyDescent="0.25">
      <c r="A176" s="2" t="s">
        <v>332</v>
      </c>
      <c r="B176" s="4" t="s">
        <v>290</v>
      </c>
      <c r="C176" s="13">
        <v>0</v>
      </c>
      <c r="D176" s="13">
        <v>0</v>
      </c>
      <c r="E176" s="13">
        <v>0</v>
      </c>
      <c r="F176" s="13">
        <v>0</v>
      </c>
      <c r="G176" s="13">
        <v>0</v>
      </c>
      <c r="H176" s="13">
        <v>0</v>
      </c>
      <c r="I176" s="13">
        <v>0</v>
      </c>
      <c r="J176" s="12"/>
      <c r="K176" s="12"/>
      <c r="L176" s="12"/>
      <c r="M176" s="12"/>
      <c r="N176" s="12"/>
    </row>
    <row r="177" spans="1:14" x14ac:dyDescent="0.25">
      <c r="A177" s="2" t="s">
        <v>333</v>
      </c>
      <c r="B177" s="4" t="s">
        <v>292</v>
      </c>
      <c r="C177" s="13">
        <v>0</v>
      </c>
      <c r="D177" s="13">
        <v>0</v>
      </c>
      <c r="E177" s="13">
        <v>0</v>
      </c>
      <c r="F177" s="13">
        <v>0</v>
      </c>
      <c r="G177" s="13">
        <v>0</v>
      </c>
      <c r="H177" s="13">
        <v>0</v>
      </c>
      <c r="I177" s="13">
        <v>0</v>
      </c>
      <c r="J177" s="12"/>
      <c r="K177" s="12"/>
      <c r="L177" s="12"/>
      <c r="M177" s="12"/>
      <c r="N177" s="12"/>
    </row>
    <row r="178" spans="1:14" x14ac:dyDescent="0.25">
      <c r="A178" s="2" t="s">
        <v>334</v>
      </c>
      <c r="B178" s="4" t="s">
        <v>294</v>
      </c>
      <c r="C178" s="13">
        <v>0</v>
      </c>
      <c r="D178" s="13">
        <v>0</v>
      </c>
      <c r="E178" s="13">
        <v>0</v>
      </c>
      <c r="F178" s="13">
        <v>0</v>
      </c>
      <c r="G178" s="13">
        <v>0</v>
      </c>
      <c r="H178" s="13">
        <v>0</v>
      </c>
      <c r="I178" s="13">
        <v>0</v>
      </c>
      <c r="J178" s="12"/>
      <c r="K178" s="12"/>
      <c r="L178" s="12"/>
      <c r="M178" s="12"/>
      <c r="N178" s="12"/>
    </row>
    <row r="179" spans="1:14" x14ac:dyDescent="0.25">
      <c r="A179" s="2" t="s">
        <v>335</v>
      </c>
      <c r="B179" s="4" t="s">
        <v>336</v>
      </c>
      <c r="C179" s="13">
        <v>0</v>
      </c>
      <c r="D179" s="13">
        <v>0</v>
      </c>
      <c r="E179" s="13">
        <v>0</v>
      </c>
      <c r="F179" s="13">
        <v>0</v>
      </c>
      <c r="G179" s="13">
        <v>0</v>
      </c>
      <c r="H179" s="13">
        <v>0</v>
      </c>
      <c r="I179" s="13">
        <v>0</v>
      </c>
      <c r="J179" s="12"/>
      <c r="K179" s="12"/>
      <c r="L179" s="12"/>
      <c r="M179" s="12"/>
      <c r="N179" s="12"/>
    </row>
    <row r="180" spans="1:14" x14ac:dyDescent="0.25">
      <c r="A180" s="2" t="s">
        <v>337</v>
      </c>
      <c r="B180" s="4" t="s">
        <v>338</v>
      </c>
      <c r="C180" s="13">
        <v>0</v>
      </c>
      <c r="D180" s="13">
        <v>0</v>
      </c>
      <c r="E180" s="13">
        <v>0</v>
      </c>
      <c r="F180" s="13">
        <v>0</v>
      </c>
      <c r="G180" s="13">
        <v>0</v>
      </c>
      <c r="H180" s="13">
        <v>0</v>
      </c>
      <c r="I180" s="13">
        <v>0</v>
      </c>
      <c r="J180" s="12"/>
      <c r="K180" s="12"/>
      <c r="L180" s="12"/>
      <c r="M180" s="12"/>
      <c r="N180" s="12"/>
    </row>
    <row r="181" spans="1:14" x14ac:dyDescent="0.25">
      <c r="A181" s="3" t="s">
        <v>339</v>
      </c>
      <c r="B181" s="5" t="s">
        <v>340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  <c r="J181" s="12"/>
      <c r="K181" s="12"/>
      <c r="L181" s="12"/>
      <c r="M181" s="12"/>
      <c r="N181" s="12"/>
    </row>
    <row r="182" spans="1:14" x14ac:dyDescent="0.25">
      <c r="A182" s="2" t="s">
        <v>341</v>
      </c>
      <c r="B182" s="4" t="s">
        <v>342</v>
      </c>
      <c r="C182" s="13">
        <v>0</v>
      </c>
      <c r="D182" s="13">
        <v>0</v>
      </c>
      <c r="E182" s="13">
        <v>0</v>
      </c>
      <c r="F182" s="13">
        <v>0</v>
      </c>
      <c r="G182" s="13">
        <v>0</v>
      </c>
      <c r="H182" s="13">
        <v>0</v>
      </c>
      <c r="I182" s="13">
        <v>0</v>
      </c>
      <c r="J182" s="12"/>
      <c r="K182" s="12"/>
      <c r="L182" s="12"/>
      <c r="M182" s="12"/>
      <c r="N182" s="12"/>
    </row>
    <row r="183" spans="1:14" x14ac:dyDescent="0.25">
      <c r="A183" s="2" t="s">
        <v>343</v>
      </c>
      <c r="B183" s="4" t="s">
        <v>344</v>
      </c>
      <c r="C183" s="13">
        <v>0</v>
      </c>
      <c r="D183" s="13">
        <v>0</v>
      </c>
      <c r="E183" s="13">
        <v>0</v>
      </c>
      <c r="F183" s="13">
        <v>0</v>
      </c>
      <c r="G183" s="13">
        <v>0</v>
      </c>
      <c r="H183" s="13">
        <v>0</v>
      </c>
      <c r="I183" s="13">
        <v>0</v>
      </c>
      <c r="J183" s="12"/>
      <c r="K183" s="12"/>
      <c r="L183" s="12"/>
      <c r="M183" s="12"/>
      <c r="N183" s="12"/>
    </row>
    <row r="184" spans="1:14" x14ac:dyDescent="0.25">
      <c r="A184" s="2" t="s">
        <v>345</v>
      </c>
      <c r="B184" s="4" t="s">
        <v>346</v>
      </c>
      <c r="C184" s="13">
        <v>0</v>
      </c>
      <c r="D184" s="13">
        <v>0</v>
      </c>
      <c r="E184" s="13">
        <v>0</v>
      </c>
      <c r="F184" s="13">
        <v>0</v>
      </c>
      <c r="G184" s="13">
        <v>0</v>
      </c>
      <c r="H184" s="13">
        <v>0</v>
      </c>
      <c r="I184" s="13">
        <v>0</v>
      </c>
      <c r="J184" s="12"/>
      <c r="K184" s="12"/>
      <c r="L184" s="12"/>
      <c r="M184" s="12"/>
      <c r="N184" s="12"/>
    </row>
    <row r="185" spans="1:14" x14ac:dyDescent="0.25">
      <c r="A185" s="2" t="s">
        <v>347</v>
      </c>
      <c r="B185" s="4" t="s">
        <v>348</v>
      </c>
      <c r="C185" s="13">
        <v>0</v>
      </c>
      <c r="D185" s="13">
        <v>0</v>
      </c>
      <c r="E185" s="13">
        <v>0</v>
      </c>
      <c r="F185" s="13">
        <v>0</v>
      </c>
      <c r="G185" s="13">
        <v>0</v>
      </c>
      <c r="H185" s="13">
        <v>0</v>
      </c>
      <c r="I185" s="13">
        <v>0</v>
      </c>
      <c r="J185" s="12"/>
      <c r="K185" s="12"/>
      <c r="L185" s="12"/>
      <c r="M185" s="12"/>
      <c r="N185" s="12"/>
    </row>
    <row r="186" spans="1:14" x14ac:dyDescent="0.25">
      <c r="C186" s="12"/>
      <c r="D186" s="12"/>
      <c r="E186" s="12"/>
      <c r="F186" s="12"/>
      <c r="G186" s="12"/>
      <c r="H186" s="12"/>
      <c r="I186" s="12"/>
      <c r="J186" s="12"/>
      <c r="K186" s="12"/>
      <c r="L186" s="12"/>
      <c r="M186" s="12"/>
      <c r="N186" s="12"/>
    </row>
    <row r="187" spans="1:14" x14ac:dyDescent="0.25">
      <c r="A187" s="10" t="s">
        <v>6</v>
      </c>
      <c r="B187" s="10" t="s">
        <v>349</v>
      </c>
      <c r="C187" s="14" t="s">
        <v>168</v>
      </c>
      <c r="D187" s="14" t="s">
        <v>169</v>
      </c>
      <c r="E187" s="14" t="s">
        <v>170</v>
      </c>
      <c r="F187" s="14" t="s">
        <v>7</v>
      </c>
      <c r="G187" s="14" t="s">
        <v>173</v>
      </c>
      <c r="H187" s="14" t="s">
        <v>174</v>
      </c>
      <c r="I187" s="14" t="s">
        <v>7</v>
      </c>
      <c r="J187" s="14" t="s">
        <v>176</v>
      </c>
      <c r="K187" s="14" t="s">
        <v>177</v>
      </c>
      <c r="L187" s="12"/>
      <c r="M187" s="12"/>
      <c r="N187" s="12"/>
    </row>
    <row r="188" spans="1:14" ht="21" x14ac:dyDescent="0.25">
      <c r="A188" s="10" t="s">
        <v>7</v>
      </c>
      <c r="B188" s="10" t="s">
        <v>7</v>
      </c>
      <c r="C188" s="14" t="s">
        <v>7</v>
      </c>
      <c r="D188" s="14" t="s">
        <v>7</v>
      </c>
      <c r="E188" s="15" t="s">
        <v>171</v>
      </c>
      <c r="F188" s="15" t="s">
        <v>172</v>
      </c>
      <c r="G188" s="14" t="s">
        <v>7</v>
      </c>
      <c r="H188" s="15" t="s">
        <v>171</v>
      </c>
      <c r="I188" s="15" t="s">
        <v>175</v>
      </c>
      <c r="J188" s="14" t="s">
        <v>7</v>
      </c>
      <c r="K188" s="14" t="s">
        <v>7</v>
      </c>
      <c r="L188" s="12"/>
      <c r="M188" s="12"/>
      <c r="N188" s="12"/>
    </row>
    <row r="189" spans="1:14" x14ac:dyDescent="0.25">
      <c r="A189" s="3" t="s">
        <v>350</v>
      </c>
      <c r="B189" s="5" t="s">
        <v>351</v>
      </c>
      <c r="C189" s="11">
        <v>1852116800</v>
      </c>
      <c r="D189" s="11">
        <v>1870476143.45</v>
      </c>
      <c r="E189" s="11">
        <v>343290787.64999998</v>
      </c>
      <c r="F189" s="11">
        <v>1596202903.22</v>
      </c>
      <c r="G189" s="11">
        <v>274273240.23000002</v>
      </c>
      <c r="H189" s="11">
        <v>376055165.12</v>
      </c>
      <c r="I189" s="11">
        <v>1499556038.95</v>
      </c>
      <c r="J189" s="11">
        <v>370920104.5</v>
      </c>
      <c r="K189" s="11">
        <v>1421672972.6400001</v>
      </c>
      <c r="L189" s="12"/>
      <c r="M189" s="12"/>
      <c r="N189" s="12"/>
    </row>
    <row r="190" spans="1:14" x14ac:dyDescent="0.25">
      <c r="A190" s="3" t="s">
        <v>352</v>
      </c>
      <c r="B190" s="5" t="s">
        <v>353</v>
      </c>
      <c r="C190" s="11">
        <v>1852116800</v>
      </c>
      <c r="D190" s="11">
        <v>1870476143.45</v>
      </c>
      <c r="E190" s="11">
        <v>343290787.64999998</v>
      </c>
      <c r="F190" s="11">
        <v>1596202903.22</v>
      </c>
      <c r="G190" s="11">
        <v>274273240.23000002</v>
      </c>
      <c r="H190" s="11">
        <v>376055165.12</v>
      </c>
      <c r="I190" s="11">
        <v>1499556038.95</v>
      </c>
      <c r="J190" s="11">
        <v>370920104.5</v>
      </c>
      <c r="K190" s="11">
        <v>1421672972.6400001</v>
      </c>
      <c r="L190" s="12"/>
      <c r="M190" s="12"/>
      <c r="N190" s="12"/>
    </row>
    <row r="191" spans="1:14" x14ac:dyDescent="0.25">
      <c r="A191" s="2" t="s">
        <v>354</v>
      </c>
      <c r="B191" s="4" t="s">
        <v>355</v>
      </c>
      <c r="C191" s="13">
        <v>1754307200</v>
      </c>
      <c r="D191" s="13">
        <v>1768143143.45</v>
      </c>
      <c r="E191" s="13">
        <v>339219937.16000003</v>
      </c>
      <c r="F191" s="13">
        <v>1501014491.8599999</v>
      </c>
      <c r="G191" s="13">
        <v>267128651.59</v>
      </c>
      <c r="H191" s="13">
        <v>360789654.98000002</v>
      </c>
      <c r="I191" s="13">
        <v>1431975244.6500001</v>
      </c>
      <c r="J191" s="13">
        <v>336167898.80000001</v>
      </c>
      <c r="K191" s="13">
        <v>1360564071.28</v>
      </c>
      <c r="L191" s="12"/>
      <c r="M191" s="12"/>
      <c r="N191" s="12"/>
    </row>
    <row r="192" spans="1:14" x14ac:dyDescent="0.25">
      <c r="A192" s="2" t="s">
        <v>356</v>
      </c>
      <c r="B192" s="4" t="s">
        <v>357</v>
      </c>
      <c r="C192" s="13">
        <v>0</v>
      </c>
      <c r="D192" s="13">
        <v>0</v>
      </c>
      <c r="E192" s="13">
        <v>0</v>
      </c>
      <c r="F192" s="13">
        <v>0</v>
      </c>
      <c r="G192" s="13">
        <v>0</v>
      </c>
      <c r="H192" s="13">
        <v>0</v>
      </c>
      <c r="I192" s="13">
        <v>0</v>
      </c>
      <c r="J192" s="13">
        <v>0</v>
      </c>
      <c r="K192" s="13">
        <v>0</v>
      </c>
      <c r="L192" s="12"/>
      <c r="M192" s="12"/>
      <c r="N192" s="12"/>
    </row>
    <row r="193" spans="1:14" x14ac:dyDescent="0.25">
      <c r="A193" s="2" t="s">
        <v>358</v>
      </c>
      <c r="B193" s="4" t="s">
        <v>359</v>
      </c>
      <c r="C193" s="13">
        <v>97809600</v>
      </c>
      <c r="D193" s="13">
        <v>102333000</v>
      </c>
      <c r="E193" s="13">
        <v>4070850.49</v>
      </c>
      <c r="F193" s="13">
        <v>95188411.359999999</v>
      </c>
      <c r="G193" s="13">
        <v>7144588.6399999997</v>
      </c>
      <c r="H193" s="13">
        <v>15265510.140000001</v>
      </c>
      <c r="I193" s="13">
        <v>67580794.299999997</v>
      </c>
      <c r="J193" s="13">
        <v>34752205.700000003</v>
      </c>
      <c r="K193" s="13">
        <v>61108901.359999999</v>
      </c>
      <c r="L193" s="12"/>
      <c r="M193" s="12"/>
      <c r="N193" s="12"/>
    </row>
    <row r="194" spans="1:14" x14ac:dyDescent="0.25">
      <c r="A194" s="3" t="s">
        <v>360</v>
      </c>
      <c r="B194" s="5" t="s">
        <v>361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  <c r="L194" s="12"/>
      <c r="M194" s="12"/>
      <c r="N194" s="12"/>
    </row>
    <row r="195" spans="1:14" x14ac:dyDescent="0.25">
      <c r="A195" s="2" t="s">
        <v>362</v>
      </c>
      <c r="B195" s="4" t="s">
        <v>363</v>
      </c>
      <c r="C195" s="13">
        <v>0</v>
      </c>
      <c r="D195" s="13">
        <v>0</v>
      </c>
      <c r="E195" s="13">
        <v>0</v>
      </c>
      <c r="F195" s="13">
        <v>0</v>
      </c>
      <c r="G195" s="13">
        <v>0</v>
      </c>
      <c r="H195" s="13">
        <v>0</v>
      </c>
      <c r="I195" s="13">
        <v>0</v>
      </c>
      <c r="J195" s="13">
        <v>0</v>
      </c>
      <c r="K195" s="13">
        <v>0</v>
      </c>
      <c r="L195" s="12"/>
      <c r="M195" s="12"/>
      <c r="N195" s="12"/>
    </row>
    <row r="196" spans="1:14" x14ac:dyDescent="0.25">
      <c r="A196" s="2" t="s">
        <v>364</v>
      </c>
      <c r="B196" s="4" t="s">
        <v>365</v>
      </c>
      <c r="C196" s="13">
        <v>0</v>
      </c>
      <c r="D196" s="13">
        <v>0</v>
      </c>
      <c r="E196" s="13">
        <v>0</v>
      </c>
      <c r="F196" s="13">
        <v>0</v>
      </c>
      <c r="G196" s="13">
        <v>0</v>
      </c>
      <c r="H196" s="13">
        <v>0</v>
      </c>
      <c r="I196" s="13">
        <v>0</v>
      </c>
      <c r="J196" s="13">
        <v>0</v>
      </c>
      <c r="K196" s="13">
        <v>0</v>
      </c>
      <c r="L196" s="12"/>
      <c r="M196" s="12"/>
      <c r="N196" s="12"/>
    </row>
    <row r="197" spans="1:14" x14ac:dyDescent="0.25">
      <c r="A197" s="2" t="s">
        <v>366</v>
      </c>
      <c r="B197" s="4" t="s">
        <v>367</v>
      </c>
      <c r="C197" s="13">
        <v>0</v>
      </c>
      <c r="D197" s="13">
        <v>0</v>
      </c>
      <c r="E197" s="13">
        <v>0</v>
      </c>
      <c r="F197" s="13">
        <v>0</v>
      </c>
      <c r="G197" s="13">
        <v>0</v>
      </c>
      <c r="H197" s="13">
        <v>0</v>
      </c>
      <c r="I197" s="13">
        <v>0</v>
      </c>
      <c r="J197" s="13">
        <v>0</v>
      </c>
      <c r="K197" s="13">
        <v>0</v>
      </c>
      <c r="L197" s="12"/>
      <c r="M197" s="12"/>
      <c r="N197" s="12"/>
    </row>
    <row r="198" spans="1:14" x14ac:dyDescent="0.25">
      <c r="A198" s="2" t="s">
        <v>368</v>
      </c>
      <c r="B198" s="4" t="s">
        <v>369</v>
      </c>
      <c r="C198" s="13">
        <v>0</v>
      </c>
      <c r="D198" s="13">
        <v>0</v>
      </c>
      <c r="E198" s="13">
        <v>0</v>
      </c>
      <c r="F198" s="13">
        <v>0</v>
      </c>
      <c r="G198" s="13">
        <v>0</v>
      </c>
      <c r="H198" s="13">
        <v>0</v>
      </c>
      <c r="I198" s="13">
        <v>0</v>
      </c>
      <c r="J198" s="13">
        <v>0</v>
      </c>
      <c r="K198" s="13">
        <v>0</v>
      </c>
      <c r="L198" s="12"/>
      <c r="M198" s="12"/>
      <c r="N198" s="12"/>
    </row>
    <row r="199" spans="1:14" x14ac:dyDescent="0.25">
      <c r="C199" s="12"/>
      <c r="D199" s="12"/>
      <c r="E199" s="12"/>
      <c r="F199" s="12"/>
      <c r="G199" s="12"/>
      <c r="H199" s="12"/>
      <c r="I199" s="12"/>
      <c r="J199" s="12"/>
      <c r="K199" s="12"/>
      <c r="L199" s="12"/>
      <c r="M199" s="12"/>
      <c r="N199" s="12"/>
    </row>
    <row r="200" spans="1:14" x14ac:dyDescent="0.25">
      <c r="C200" s="12"/>
      <c r="D200" s="12"/>
      <c r="E200" s="12"/>
      <c r="F200" s="12"/>
      <c r="G200" s="12"/>
      <c r="H200" s="12"/>
      <c r="I200" s="12"/>
      <c r="J200" s="12"/>
      <c r="K200" s="12"/>
      <c r="L200" s="12"/>
      <c r="M200" s="12"/>
      <c r="N200" s="12"/>
    </row>
    <row r="201" spans="1:14" x14ac:dyDescent="0.25">
      <c r="C201" s="12"/>
      <c r="D201" s="12"/>
      <c r="E201" s="12"/>
      <c r="F201" s="12"/>
      <c r="G201" s="12"/>
      <c r="H201" s="12"/>
      <c r="I201" s="12"/>
      <c r="J201" s="12"/>
      <c r="K201" s="12"/>
      <c r="L201" s="12"/>
      <c r="M201" s="12"/>
      <c r="N201" s="12"/>
    </row>
    <row r="202" spans="1:14" x14ac:dyDescent="0.25">
      <c r="C202" s="12"/>
      <c r="D202" s="12"/>
      <c r="E202" s="12"/>
      <c r="F202" s="12"/>
      <c r="G202" s="12"/>
      <c r="H202" s="12"/>
      <c r="I202" s="12"/>
      <c r="J202" s="12"/>
      <c r="K202" s="12"/>
      <c r="L202" s="12"/>
      <c r="M202" s="12"/>
      <c r="N202" s="12"/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162"/>
  <sheetViews>
    <sheetView showGridLines="0" workbookViewId="0"/>
  </sheetViews>
  <sheetFormatPr defaultRowHeight="15" x14ac:dyDescent="0.25"/>
  <cols>
    <col min="1" max="1" width="3.7109375" bestFit="1" customWidth="1"/>
    <col min="2" max="2" width="140.7109375" bestFit="1" customWidth="1"/>
    <col min="3" max="5" width="20.140625" bestFit="1" customWidth="1"/>
    <col min="6" max="6" width="13.5703125" bestFit="1" customWidth="1"/>
    <col min="7" max="7" width="19" bestFit="1" customWidth="1"/>
    <col min="8" max="8" width="12.140625" bestFit="1" customWidth="1"/>
    <col min="9" max="9" width="19" bestFit="1" customWidth="1"/>
    <col min="10" max="10" width="11.85546875" bestFit="1" customWidth="1"/>
    <col min="11" max="12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3" x14ac:dyDescent="0.25">
      <c r="A5" s="8" t="s">
        <v>1021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3" x14ac:dyDescent="0.25">
      <c r="A9" s="9" t="s">
        <v>1022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3" x14ac:dyDescent="0.25">
      <c r="A10" s="10" t="s">
        <v>6</v>
      </c>
      <c r="B10" s="10" t="s">
        <v>1023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411</v>
      </c>
      <c r="F11" s="1" t="s">
        <v>1024</v>
      </c>
    </row>
    <row r="12" spans="1:13" x14ac:dyDescent="0.25">
      <c r="A12" s="3" t="s">
        <v>17</v>
      </c>
      <c r="B12" s="5" t="s">
        <v>1025</v>
      </c>
      <c r="C12" s="11">
        <v>14363536100</v>
      </c>
      <c r="D12" s="11">
        <v>14767831383.77</v>
      </c>
      <c r="E12" s="11">
        <v>11100124031.059999</v>
      </c>
      <c r="F12" s="11">
        <v>75.16</v>
      </c>
      <c r="G12" s="12"/>
      <c r="H12" s="12"/>
      <c r="I12" s="12"/>
      <c r="J12" s="12"/>
      <c r="K12" s="12"/>
      <c r="L12" s="12"/>
      <c r="M12" s="12"/>
    </row>
    <row r="13" spans="1:13" x14ac:dyDescent="0.25">
      <c r="A13" s="3" t="s">
        <v>19</v>
      </c>
      <c r="B13" s="5" t="s">
        <v>1026</v>
      </c>
      <c r="C13" s="11">
        <v>12111311000</v>
      </c>
      <c r="D13" s="11">
        <v>12515606283.77</v>
      </c>
      <c r="E13" s="11">
        <v>9284898523.8899994</v>
      </c>
      <c r="F13" s="11">
        <v>74.19</v>
      </c>
      <c r="G13" s="12"/>
      <c r="H13" s="12"/>
      <c r="I13" s="12"/>
      <c r="J13" s="12"/>
      <c r="K13" s="12"/>
      <c r="L13" s="12"/>
      <c r="M13" s="12"/>
    </row>
    <row r="14" spans="1:13" x14ac:dyDescent="0.25">
      <c r="A14" s="2" t="s">
        <v>21</v>
      </c>
      <c r="B14" s="4" t="s">
        <v>1027</v>
      </c>
      <c r="C14" s="13">
        <v>11809904900</v>
      </c>
      <c r="D14" s="13">
        <v>12214200183.77</v>
      </c>
      <c r="E14" s="13">
        <v>9135340321.0300007</v>
      </c>
      <c r="F14" s="13">
        <v>74.790000000000006</v>
      </c>
      <c r="G14" s="12"/>
      <c r="H14" s="12"/>
      <c r="I14" s="12"/>
      <c r="J14" s="12"/>
      <c r="K14" s="12"/>
      <c r="L14" s="12"/>
      <c r="M14" s="12"/>
    </row>
    <row r="15" spans="1:13" x14ac:dyDescent="0.25">
      <c r="A15" s="2" t="s">
        <v>23</v>
      </c>
      <c r="B15" s="4" t="s">
        <v>1028</v>
      </c>
      <c r="C15" s="13">
        <v>185872000</v>
      </c>
      <c r="D15" s="13">
        <v>185872000</v>
      </c>
      <c r="E15" s="13">
        <v>85772766.870000005</v>
      </c>
      <c r="F15" s="13">
        <v>46.15</v>
      </c>
      <c r="G15" s="12"/>
      <c r="H15" s="12"/>
      <c r="I15" s="12"/>
      <c r="J15" s="12"/>
      <c r="K15" s="12"/>
      <c r="L15" s="12"/>
      <c r="M15" s="12"/>
    </row>
    <row r="16" spans="1:13" x14ac:dyDescent="0.25">
      <c r="A16" s="2" t="s">
        <v>25</v>
      </c>
      <c r="B16" s="4" t="s">
        <v>1029</v>
      </c>
      <c r="C16" s="13">
        <v>115534100</v>
      </c>
      <c r="D16" s="13">
        <v>115534100</v>
      </c>
      <c r="E16" s="13">
        <v>63785435.990000002</v>
      </c>
      <c r="F16" s="13">
        <v>55.21</v>
      </c>
      <c r="G16" s="12"/>
      <c r="H16" s="12"/>
      <c r="I16" s="12"/>
      <c r="J16" s="12"/>
      <c r="K16" s="12"/>
      <c r="L16" s="12"/>
      <c r="M16" s="12"/>
    </row>
    <row r="17" spans="1:13" x14ac:dyDescent="0.25">
      <c r="A17" s="3" t="s">
        <v>27</v>
      </c>
      <c r="B17" s="5" t="s">
        <v>1030</v>
      </c>
      <c r="C17" s="11">
        <v>295720100</v>
      </c>
      <c r="D17" s="11">
        <v>295720100</v>
      </c>
      <c r="E17" s="11">
        <v>262263828.13999999</v>
      </c>
      <c r="F17" s="11">
        <v>88.69</v>
      </c>
      <c r="G17" s="12"/>
      <c r="H17" s="12"/>
      <c r="I17" s="12"/>
      <c r="J17" s="12"/>
      <c r="K17" s="12"/>
      <c r="L17" s="12"/>
      <c r="M17" s="12"/>
    </row>
    <row r="18" spans="1:13" x14ac:dyDescent="0.25">
      <c r="A18" s="2" t="s">
        <v>29</v>
      </c>
      <c r="B18" s="4" t="s">
        <v>1031</v>
      </c>
      <c r="C18" s="13">
        <v>295720100</v>
      </c>
      <c r="D18" s="13">
        <v>295720100</v>
      </c>
      <c r="E18" s="13">
        <v>260621576.63999999</v>
      </c>
      <c r="F18" s="13">
        <v>88.13</v>
      </c>
      <c r="G18" s="12"/>
      <c r="H18" s="12"/>
      <c r="I18" s="12"/>
      <c r="J18" s="12"/>
      <c r="K18" s="12"/>
      <c r="L18" s="12"/>
      <c r="M18" s="12"/>
    </row>
    <row r="19" spans="1:13" x14ac:dyDescent="0.25">
      <c r="A19" s="2" t="s">
        <v>31</v>
      </c>
      <c r="B19" s="4" t="s">
        <v>1032</v>
      </c>
      <c r="C19" s="13">
        <v>0</v>
      </c>
      <c r="D19" s="13">
        <v>0</v>
      </c>
      <c r="E19" s="13">
        <v>1642251.5</v>
      </c>
      <c r="F19" s="13">
        <v>0</v>
      </c>
      <c r="G19" s="12"/>
      <c r="H19" s="12"/>
      <c r="I19" s="12"/>
      <c r="J19" s="12"/>
      <c r="K19" s="12"/>
      <c r="L19" s="12"/>
      <c r="M19" s="12"/>
    </row>
    <row r="20" spans="1:13" x14ac:dyDescent="0.25">
      <c r="A20" s="3" t="s">
        <v>33</v>
      </c>
      <c r="B20" s="5" t="s">
        <v>1033</v>
      </c>
      <c r="C20" s="11">
        <v>925275000</v>
      </c>
      <c r="D20" s="11">
        <v>925275000</v>
      </c>
      <c r="E20" s="11">
        <v>793005721.73000002</v>
      </c>
      <c r="F20" s="11">
        <v>85.7</v>
      </c>
      <c r="G20" s="12"/>
      <c r="H20" s="12"/>
      <c r="I20" s="12"/>
      <c r="J20" s="12"/>
      <c r="K20" s="12"/>
      <c r="L20" s="12"/>
      <c r="M20" s="12"/>
    </row>
    <row r="21" spans="1:13" x14ac:dyDescent="0.25">
      <c r="A21" s="2" t="s">
        <v>35</v>
      </c>
      <c r="B21" s="4" t="s">
        <v>1034</v>
      </c>
      <c r="C21" s="13">
        <v>842427000</v>
      </c>
      <c r="D21" s="13">
        <v>842427000</v>
      </c>
      <c r="E21" s="13">
        <v>755354043.97000003</v>
      </c>
      <c r="F21" s="13">
        <v>89.66</v>
      </c>
      <c r="G21" s="12"/>
      <c r="H21" s="12"/>
      <c r="I21" s="12"/>
      <c r="J21" s="12"/>
      <c r="K21" s="12"/>
      <c r="L21" s="12"/>
      <c r="M21" s="12"/>
    </row>
    <row r="22" spans="1:13" x14ac:dyDescent="0.25">
      <c r="A22" s="2" t="s">
        <v>37</v>
      </c>
      <c r="B22" s="4" t="s">
        <v>1035</v>
      </c>
      <c r="C22" s="13">
        <v>82848000</v>
      </c>
      <c r="D22" s="13">
        <v>82848000</v>
      </c>
      <c r="E22" s="13">
        <v>37651677.759999998</v>
      </c>
      <c r="F22" s="13">
        <v>45.45</v>
      </c>
      <c r="G22" s="12"/>
      <c r="H22" s="12"/>
      <c r="I22" s="12"/>
      <c r="J22" s="12"/>
      <c r="K22" s="12"/>
      <c r="L22" s="12"/>
      <c r="M22" s="12"/>
    </row>
    <row r="23" spans="1:13" x14ac:dyDescent="0.25">
      <c r="A23" s="2" t="s">
        <v>39</v>
      </c>
      <c r="B23" s="4" t="s">
        <v>1036</v>
      </c>
      <c r="C23" s="13">
        <v>1031230000</v>
      </c>
      <c r="D23" s="13">
        <v>1031230000</v>
      </c>
      <c r="E23" s="13">
        <v>759955957.29999995</v>
      </c>
      <c r="F23" s="13">
        <v>73.69</v>
      </c>
      <c r="G23" s="12"/>
      <c r="H23" s="12"/>
      <c r="I23" s="12"/>
      <c r="J23" s="12"/>
      <c r="K23" s="12"/>
      <c r="L23" s="12"/>
      <c r="M23" s="12"/>
    </row>
    <row r="24" spans="1:13" x14ac:dyDescent="0.25">
      <c r="A24" s="3" t="s">
        <v>41</v>
      </c>
      <c r="B24" s="5" t="s">
        <v>1037</v>
      </c>
      <c r="C24" s="11">
        <v>1438221100</v>
      </c>
      <c r="D24" s="11">
        <v>1438221100</v>
      </c>
      <c r="E24" s="11">
        <v>1507625680.8</v>
      </c>
      <c r="F24" s="11">
        <v>177.89</v>
      </c>
      <c r="G24" s="12"/>
      <c r="H24" s="12"/>
      <c r="I24" s="12"/>
      <c r="J24" s="12"/>
      <c r="K24" s="12"/>
      <c r="L24" s="12"/>
      <c r="M24" s="12"/>
    </row>
    <row r="25" spans="1:13" x14ac:dyDescent="0.25">
      <c r="A25" s="2" t="s">
        <v>43</v>
      </c>
      <c r="B25" s="4" t="s">
        <v>1038</v>
      </c>
      <c r="C25" s="13">
        <v>1323420200</v>
      </c>
      <c r="D25" s="13">
        <v>1323420200</v>
      </c>
      <c r="E25" s="13">
        <v>1427205915.9300001</v>
      </c>
      <c r="F25" s="13">
        <v>107.84</v>
      </c>
      <c r="G25" s="12"/>
      <c r="H25" s="12"/>
      <c r="I25" s="12"/>
      <c r="J25" s="12"/>
      <c r="K25" s="12"/>
      <c r="L25" s="12"/>
      <c r="M25" s="12"/>
    </row>
    <row r="26" spans="1:13" x14ac:dyDescent="0.25">
      <c r="A26" s="2" t="s">
        <v>45</v>
      </c>
      <c r="B26" s="4" t="s">
        <v>1039</v>
      </c>
      <c r="C26" s="13">
        <v>114800900</v>
      </c>
      <c r="D26" s="13">
        <v>114800900</v>
      </c>
      <c r="E26" s="13">
        <v>80419764.870000005</v>
      </c>
      <c r="F26" s="13">
        <v>70.05</v>
      </c>
      <c r="G26" s="12"/>
      <c r="H26" s="12"/>
      <c r="I26" s="12"/>
      <c r="J26" s="12"/>
      <c r="K26" s="12"/>
      <c r="L26" s="12"/>
      <c r="M26" s="12"/>
    </row>
    <row r="27" spans="1:13" x14ac:dyDescent="0.25">
      <c r="A27" s="3" t="s">
        <v>47</v>
      </c>
      <c r="B27" s="5" t="s">
        <v>1040</v>
      </c>
      <c r="C27" s="11">
        <v>0</v>
      </c>
      <c r="D27" s="11">
        <v>0</v>
      </c>
      <c r="E27" s="11">
        <v>0</v>
      </c>
      <c r="F27" s="11">
        <v>0</v>
      </c>
      <c r="G27" s="12"/>
      <c r="H27" s="12"/>
      <c r="I27" s="12"/>
      <c r="J27" s="12"/>
      <c r="K27" s="12"/>
      <c r="L27" s="12"/>
      <c r="M27" s="12"/>
    </row>
    <row r="28" spans="1:13" x14ac:dyDescent="0.25">
      <c r="A28" s="2" t="s">
        <v>49</v>
      </c>
      <c r="B28" s="4" t="s">
        <v>1041</v>
      </c>
      <c r="C28" s="13">
        <v>0</v>
      </c>
      <c r="D28" s="13">
        <v>0</v>
      </c>
      <c r="E28" s="13">
        <v>0</v>
      </c>
      <c r="F28" s="13">
        <v>0</v>
      </c>
      <c r="G28" s="12"/>
      <c r="H28" s="12"/>
      <c r="I28" s="12"/>
      <c r="J28" s="12"/>
      <c r="K28" s="12"/>
      <c r="L28" s="12"/>
      <c r="M28" s="12"/>
    </row>
    <row r="29" spans="1:13" x14ac:dyDescent="0.25">
      <c r="A29" s="2" t="s">
        <v>51</v>
      </c>
      <c r="B29" s="4" t="s">
        <v>1042</v>
      </c>
      <c r="C29" s="13">
        <v>0</v>
      </c>
      <c r="D29" s="13">
        <v>0</v>
      </c>
      <c r="E29" s="13">
        <v>0</v>
      </c>
      <c r="F29" s="13">
        <v>0</v>
      </c>
      <c r="G29" s="12"/>
      <c r="H29" s="12"/>
      <c r="I29" s="12"/>
      <c r="J29" s="12"/>
      <c r="K29" s="12"/>
      <c r="L29" s="12"/>
      <c r="M29" s="12"/>
    </row>
    <row r="30" spans="1:13" x14ac:dyDescent="0.25">
      <c r="A30" s="3" t="s">
        <v>53</v>
      </c>
      <c r="B30" s="5" t="s">
        <v>1043</v>
      </c>
      <c r="C30" s="11">
        <v>3490281900</v>
      </c>
      <c r="D30" s="11">
        <v>3490281900</v>
      </c>
      <c r="E30" s="11">
        <v>2721886074.29</v>
      </c>
      <c r="F30" s="11">
        <v>77.98</v>
      </c>
      <c r="G30" s="12"/>
      <c r="H30" s="12"/>
      <c r="I30" s="12"/>
      <c r="J30" s="12"/>
      <c r="K30" s="12"/>
      <c r="L30" s="12"/>
      <c r="M30" s="12"/>
    </row>
    <row r="31" spans="1:13" x14ac:dyDescent="0.25">
      <c r="A31" s="2" t="s">
        <v>55</v>
      </c>
      <c r="B31" s="4" t="s">
        <v>1044</v>
      </c>
      <c r="C31" s="13">
        <v>2998944200</v>
      </c>
      <c r="D31" s="13">
        <v>2998944200</v>
      </c>
      <c r="E31" s="13">
        <v>2305278272.29</v>
      </c>
      <c r="F31" s="13">
        <v>76.87</v>
      </c>
      <c r="G31" s="12"/>
      <c r="H31" s="12"/>
      <c r="I31" s="12"/>
      <c r="J31" s="12"/>
      <c r="K31" s="12"/>
      <c r="L31" s="12"/>
      <c r="M31" s="12"/>
    </row>
    <row r="32" spans="1:13" x14ac:dyDescent="0.25">
      <c r="A32" s="2" t="s">
        <v>57</v>
      </c>
      <c r="B32" s="4" t="s">
        <v>1045</v>
      </c>
      <c r="C32" s="13">
        <v>462637500</v>
      </c>
      <c r="D32" s="13">
        <v>462637500</v>
      </c>
      <c r="E32" s="13">
        <v>396502860.87</v>
      </c>
      <c r="F32" s="13">
        <v>85.7</v>
      </c>
      <c r="G32" s="12"/>
      <c r="H32" s="12"/>
      <c r="I32" s="12"/>
      <c r="J32" s="12"/>
      <c r="K32" s="12"/>
      <c r="L32" s="12"/>
      <c r="M32" s="12"/>
    </row>
    <row r="33" spans="1:13" x14ac:dyDescent="0.25">
      <c r="A33" s="2" t="s">
        <v>59</v>
      </c>
      <c r="B33" s="4" t="s">
        <v>1046</v>
      </c>
      <c r="C33" s="13">
        <v>28700200</v>
      </c>
      <c r="D33" s="13">
        <v>28700200</v>
      </c>
      <c r="E33" s="13">
        <v>20104941.129999999</v>
      </c>
      <c r="F33" s="13">
        <v>70.05</v>
      </c>
      <c r="G33" s="12"/>
      <c r="H33" s="12"/>
      <c r="I33" s="12"/>
      <c r="J33" s="12"/>
      <c r="K33" s="12"/>
      <c r="L33" s="12"/>
      <c r="M33" s="12"/>
    </row>
    <row r="34" spans="1:13" x14ac:dyDescent="0.25">
      <c r="A34" s="3" t="s">
        <v>61</v>
      </c>
      <c r="B34" s="5" t="s">
        <v>1047</v>
      </c>
      <c r="C34" s="11">
        <v>12311475300</v>
      </c>
      <c r="D34" s="11">
        <v>12715770583.77</v>
      </c>
      <c r="E34" s="11">
        <v>9885863637.5699997</v>
      </c>
      <c r="F34" s="11">
        <v>77.739999999999995</v>
      </c>
      <c r="G34" s="12"/>
      <c r="H34" s="12"/>
      <c r="I34" s="12"/>
      <c r="J34" s="12"/>
      <c r="K34" s="12"/>
      <c r="L34" s="12"/>
      <c r="M34" s="12"/>
    </row>
    <row r="35" spans="1:13" x14ac:dyDescent="0.25">
      <c r="C35" s="12"/>
      <c r="D35" s="12"/>
      <c r="E35" s="12"/>
      <c r="F35" s="12"/>
      <c r="G35" s="12"/>
      <c r="H35" s="12"/>
      <c r="I35" s="12"/>
      <c r="J35" s="12"/>
      <c r="K35" s="12"/>
      <c r="L35" s="12"/>
      <c r="M35" s="12"/>
    </row>
    <row r="36" spans="1:13" x14ac:dyDescent="0.25">
      <c r="A36" s="10" t="s">
        <v>6</v>
      </c>
      <c r="B36" s="10" t="s">
        <v>1048</v>
      </c>
      <c r="C36" s="14" t="s">
        <v>409</v>
      </c>
      <c r="D36" s="14" t="s">
        <v>626</v>
      </c>
      <c r="E36" s="14" t="s">
        <v>170</v>
      </c>
      <c r="F36" s="14" t="s">
        <v>7</v>
      </c>
      <c r="G36" s="14" t="s">
        <v>174</v>
      </c>
      <c r="H36" s="14" t="s">
        <v>7</v>
      </c>
      <c r="I36" s="14" t="s">
        <v>1052</v>
      </c>
      <c r="J36" s="14" t="s">
        <v>1052</v>
      </c>
      <c r="K36" s="12"/>
      <c r="L36" s="12"/>
      <c r="M36" s="12"/>
    </row>
    <row r="37" spans="1:13" ht="21" x14ac:dyDescent="0.25">
      <c r="A37" s="10" t="s">
        <v>7</v>
      </c>
      <c r="B37" s="10" t="s">
        <v>7</v>
      </c>
      <c r="C37" s="14" t="s">
        <v>7</v>
      </c>
      <c r="D37" s="14" t="s">
        <v>7</v>
      </c>
      <c r="E37" s="15" t="s">
        <v>414</v>
      </c>
      <c r="F37" s="15" t="s">
        <v>1049</v>
      </c>
      <c r="G37" s="15" t="s">
        <v>1050</v>
      </c>
      <c r="H37" s="15" t="s">
        <v>1051</v>
      </c>
      <c r="I37" s="15" t="s">
        <v>172</v>
      </c>
      <c r="J37" s="15" t="s">
        <v>1053</v>
      </c>
      <c r="K37" s="12"/>
      <c r="L37" s="12"/>
      <c r="M37" s="12"/>
    </row>
    <row r="38" spans="1:13" x14ac:dyDescent="0.25">
      <c r="A38" s="3" t="s">
        <v>63</v>
      </c>
      <c r="B38" s="5" t="s">
        <v>1054</v>
      </c>
      <c r="C38" s="11">
        <v>69740000</v>
      </c>
      <c r="D38" s="11">
        <v>60210500</v>
      </c>
      <c r="E38" s="11">
        <v>48894364.18</v>
      </c>
      <c r="F38" s="11">
        <v>81.209999999999994</v>
      </c>
      <c r="G38" s="11">
        <v>34445029.740000002</v>
      </c>
      <c r="H38" s="11">
        <v>57.21</v>
      </c>
      <c r="I38" s="11">
        <v>34445029.68</v>
      </c>
      <c r="J38" s="11">
        <v>57.21</v>
      </c>
      <c r="K38" s="12"/>
      <c r="L38" s="12"/>
      <c r="M38" s="12"/>
    </row>
    <row r="39" spans="1:13" x14ac:dyDescent="0.25">
      <c r="A39" s="2" t="s">
        <v>65</v>
      </c>
      <c r="B39" s="4" t="s">
        <v>1055</v>
      </c>
      <c r="C39" s="13">
        <v>69740000</v>
      </c>
      <c r="D39" s="13">
        <v>60210500</v>
      </c>
      <c r="E39" s="13">
        <v>48894364.18</v>
      </c>
      <c r="F39" s="13">
        <v>81.209999999999994</v>
      </c>
      <c r="G39" s="13">
        <v>34445029.740000002</v>
      </c>
      <c r="H39" s="13">
        <v>57.21</v>
      </c>
      <c r="I39" s="13">
        <v>34445029.68</v>
      </c>
      <c r="J39" s="13">
        <v>57.21</v>
      </c>
      <c r="K39" s="12"/>
      <c r="L39" s="12"/>
      <c r="M39" s="12"/>
    </row>
    <row r="40" spans="1:13" x14ac:dyDescent="0.25">
      <c r="A40" s="2" t="s">
        <v>67</v>
      </c>
      <c r="B40" s="4" t="s">
        <v>1056</v>
      </c>
      <c r="C40" s="13">
        <v>0</v>
      </c>
      <c r="D40" s="13">
        <v>0</v>
      </c>
      <c r="E40" s="13">
        <v>0</v>
      </c>
      <c r="F40" s="13">
        <v>0</v>
      </c>
      <c r="G40" s="13">
        <v>0</v>
      </c>
      <c r="H40" s="13">
        <v>0</v>
      </c>
      <c r="I40" s="13">
        <v>0</v>
      </c>
      <c r="J40" s="13">
        <v>0</v>
      </c>
      <c r="K40" s="12"/>
      <c r="L40" s="12"/>
      <c r="M40" s="12"/>
    </row>
    <row r="41" spans="1:13" x14ac:dyDescent="0.25">
      <c r="A41" s="3" t="s">
        <v>69</v>
      </c>
      <c r="B41" s="5" t="s">
        <v>1057</v>
      </c>
      <c r="C41" s="11">
        <v>925169000</v>
      </c>
      <c r="D41" s="11">
        <v>918338025</v>
      </c>
      <c r="E41" s="11">
        <v>733346343.97000003</v>
      </c>
      <c r="F41" s="11">
        <v>145.22</v>
      </c>
      <c r="G41" s="11">
        <v>577882678.44000006</v>
      </c>
      <c r="H41" s="11">
        <v>92.44</v>
      </c>
      <c r="I41" s="11">
        <v>574333295</v>
      </c>
      <c r="J41" s="11">
        <v>90.75</v>
      </c>
      <c r="K41" s="12"/>
      <c r="L41" s="12"/>
      <c r="M41" s="12"/>
    </row>
    <row r="42" spans="1:13" x14ac:dyDescent="0.25">
      <c r="A42" s="2" t="s">
        <v>71</v>
      </c>
      <c r="B42" s="4" t="s">
        <v>1055</v>
      </c>
      <c r="C42" s="13">
        <v>880960000</v>
      </c>
      <c r="D42" s="13">
        <v>841304797</v>
      </c>
      <c r="E42" s="13">
        <v>684123631.19000006</v>
      </c>
      <c r="F42" s="13">
        <v>81.319999999999993</v>
      </c>
      <c r="G42" s="13">
        <v>557739347</v>
      </c>
      <c r="H42" s="13">
        <v>66.290000000000006</v>
      </c>
      <c r="I42" s="13">
        <v>555270500.01999998</v>
      </c>
      <c r="J42" s="13">
        <v>66</v>
      </c>
      <c r="K42" s="12"/>
      <c r="L42" s="12"/>
      <c r="M42" s="12"/>
    </row>
    <row r="43" spans="1:13" x14ac:dyDescent="0.25">
      <c r="A43" s="2" t="s">
        <v>73</v>
      </c>
      <c r="B43" s="4" t="s">
        <v>1058</v>
      </c>
      <c r="C43" s="13">
        <v>44209000</v>
      </c>
      <c r="D43" s="13">
        <v>77033228</v>
      </c>
      <c r="E43" s="13">
        <v>49222712.780000001</v>
      </c>
      <c r="F43" s="13">
        <v>63.9</v>
      </c>
      <c r="G43" s="13">
        <v>20143331.440000001</v>
      </c>
      <c r="H43" s="13">
        <v>26.15</v>
      </c>
      <c r="I43" s="13">
        <v>19062794.98</v>
      </c>
      <c r="J43" s="13">
        <v>24.75</v>
      </c>
      <c r="K43" s="12"/>
      <c r="L43" s="12"/>
      <c r="M43" s="12"/>
    </row>
    <row r="44" spans="1:13" x14ac:dyDescent="0.25">
      <c r="A44" s="3" t="s">
        <v>75</v>
      </c>
      <c r="B44" s="5" t="s">
        <v>1059</v>
      </c>
      <c r="C44" s="11">
        <v>54201000</v>
      </c>
      <c r="D44" s="11">
        <v>87148200</v>
      </c>
      <c r="E44" s="11">
        <v>53672638.729999997</v>
      </c>
      <c r="F44" s="11">
        <v>61.59</v>
      </c>
      <c r="G44" s="11">
        <v>37607502.210000001</v>
      </c>
      <c r="H44" s="11">
        <v>43.15</v>
      </c>
      <c r="I44" s="11">
        <v>34527520.340000004</v>
      </c>
      <c r="J44" s="11">
        <v>39.619999999999997</v>
      </c>
      <c r="K44" s="12"/>
      <c r="L44" s="12"/>
      <c r="M44" s="12"/>
    </row>
    <row r="45" spans="1:13" x14ac:dyDescent="0.25">
      <c r="A45" s="2" t="s">
        <v>77</v>
      </c>
      <c r="B45" s="4" t="s">
        <v>1055</v>
      </c>
      <c r="C45" s="13">
        <v>54201000</v>
      </c>
      <c r="D45" s="13">
        <v>87148200</v>
      </c>
      <c r="E45" s="13">
        <v>53672638.729999997</v>
      </c>
      <c r="F45" s="13">
        <v>61.59</v>
      </c>
      <c r="G45" s="13">
        <v>37607502.210000001</v>
      </c>
      <c r="H45" s="13">
        <v>43.15</v>
      </c>
      <c r="I45" s="13">
        <v>34527520.340000004</v>
      </c>
      <c r="J45" s="13">
        <v>39.619999999999997</v>
      </c>
      <c r="K45" s="12"/>
      <c r="L45" s="12"/>
      <c r="M45" s="12"/>
    </row>
    <row r="46" spans="1:13" x14ac:dyDescent="0.25">
      <c r="A46" s="2" t="s">
        <v>79</v>
      </c>
      <c r="B46" s="4" t="s">
        <v>1058</v>
      </c>
      <c r="C46" s="13">
        <v>0</v>
      </c>
      <c r="D46" s="13">
        <v>0</v>
      </c>
      <c r="E46" s="13">
        <v>0</v>
      </c>
      <c r="F46" s="13">
        <v>0</v>
      </c>
      <c r="G46" s="13">
        <v>0</v>
      </c>
      <c r="H46" s="13">
        <v>0</v>
      </c>
      <c r="I46" s="13">
        <v>0</v>
      </c>
      <c r="J46" s="13">
        <v>0</v>
      </c>
      <c r="K46" s="12"/>
      <c r="L46" s="12"/>
      <c r="M46" s="12"/>
    </row>
    <row r="47" spans="1:13" x14ac:dyDescent="0.25">
      <c r="A47" s="3" t="s">
        <v>81</v>
      </c>
      <c r="B47" s="5" t="s">
        <v>1060</v>
      </c>
      <c r="C47" s="11">
        <v>500000</v>
      </c>
      <c r="D47" s="11">
        <v>500000</v>
      </c>
      <c r="E47" s="11">
        <v>378790.56</v>
      </c>
      <c r="F47" s="11">
        <v>75.760000000000005</v>
      </c>
      <c r="G47" s="11">
        <v>126263.52</v>
      </c>
      <c r="H47" s="11">
        <v>25.25</v>
      </c>
      <c r="I47" s="11">
        <v>126263.52</v>
      </c>
      <c r="J47" s="11">
        <v>25.25</v>
      </c>
      <c r="K47" s="12"/>
      <c r="L47" s="12"/>
      <c r="M47" s="12"/>
    </row>
    <row r="48" spans="1:13" x14ac:dyDescent="0.25">
      <c r="A48" s="2" t="s">
        <v>83</v>
      </c>
      <c r="B48" s="4" t="s">
        <v>1055</v>
      </c>
      <c r="C48" s="13">
        <v>500000</v>
      </c>
      <c r="D48" s="13">
        <v>500000</v>
      </c>
      <c r="E48" s="13">
        <v>378790.56</v>
      </c>
      <c r="F48" s="13">
        <v>75.760000000000005</v>
      </c>
      <c r="G48" s="13">
        <v>126263.52</v>
      </c>
      <c r="H48" s="13">
        <v>25.25</v>
      </c>
      <c r="I48" s="13">
        <v>126263.52</v>
      </c>
      <c r="J48" s="13">
        <v>25.25</v>
      </c>
      <c r="K48" s="12"/>
      <c r="L48" s="12"/>
      <c r="M48" s="12"/>
    </row>
    <row r="49" spans="1:13" x14ac:dyDescent="0.25">
      <c r="A49" s="2" t="s">
        <v>85</v>
      </c>
      <c r="B49" s="4" t="s">
        <v>1058</v>
      </c>
      <c r="C49" s="13">
        <v>0</v>
      </c>
      <c r="D49" s="13">
        <v>0</v>
      </c>
      <c r="E49" s="13">
        <v>0</v>
      </c>
      <c r="F49" s="13">
        <v>0</v>
      </c>
      <c r="G49" s="13">
        <v>0</v>
      </c>
      <c r="H49" s="13">
        <v>0</v>
      </c>
      <c r="I49" s="13">
        <v>0</v>
      </c>
      <c r="J49" s="13">
        <v>0</v>
      </c>
      <c r="K49" s="12"/>
      <c r="L49" s="12"/>
      <c r="M49" s="12"/>
    </row>
    <row r="50" spans="1:13" x14ac:dyDescent="0.25">
      <c r="A50" s="3" t="s">
        <v>87</v>
      </c>
      <c r="B50" s="5" t="s">
        <v>1061</v>
      </c>
      <c r="C50" s="11">
        <v>20836000</v>
      </c>
      <c r="D50" s="11">
        <v>53201600</v>
      </c>
      <c r="E50" s="11">
        <v>46717418.759999998</v>
      </c>
      <c r="F50" s="11">
        <v>160.06</v>
      </c>
      <c r="G50" s="11">
        <v>40013223.140000001</v>
      </c>
      <c r="H50" s="11">
        <v>127.55</v>
      </c>
      <c r="I50" s="11">
        <v>37837389.740000002</v>
      </c>
      <c r="J50" s="11">
        <v>123.34</v>
      </c>
      <c r="K50" s="12"/>
      <c r="L50" s="12"/>
      <c r="M50" s="12"/>
    </row>
    <row r="51" spans="1:13" x14ac:dyDescent="0.25">
      <c r="A51" s="2" t="s">
        <v>89</v>
      </c>
      <c r="B51" s="4" t="s">
        <v>1055</v>
      </c>
      <c r="C51" s="13">
        <v>19615000</v>
      </c>
      <c r="D51" s="13">
        <v>51642000</v>
      </c>
      <c r="E51" s="13">
        <v>45598194.969999999</v>
      </c>
      <c r="F51" s="13">
        <v>88.3</v>
      </c>
      <c r="G51" s="13">
        <v>39208027.149999999</v>
      </c>
      <c r="H51" s="13">
        <v>75.92</v>
      </c>
      <c r="I51" s="13">
        <v>37032193.75</v>
      </c>
      <c r="J51" s="13">
        <v>71.709999999999994</v>
      </c>
      <c r="K51" s="12"/>
      <c r="L51" s="12"/>
      <c r="M51" s="12"/>
    </row>
    <row r="52" spans="1:13" x14ac:dyDescent="0.25">
      <c r="A52" s="2" t="s">
        <v>91</v>
      </c>
      <c r="B52" s="4" t="s">
        <v>1058</v>
      </c>
      <c r="C52" s="13">
        <v>1221000</v>
      </c>
      <c r="D52" s="13">
        <v>1559600</v>
      </c>
      <c r="E52" s="13">
        <v>1119223.79</v>
      </c>
      <c r="F52" s="13">
        <v>71.760000000000005</v>
      </c>
      <c r="G52" s="13">
        <v>805195.99</v>
      </c>
      <c r="H52" s="13">
        <v>51.63</v>
      </c>
      <c r="I52" s="13">
        <v>805195.99</v>
      </c>
      <c r="J52" s="13">
        <v>51.63</v>
      </c>
      <c r="K52" s="12"/>
      <c r="L52" s="12"/>
      <c r="M52" s="12"/>
    </row>
    <row r="53" spans="1:13" x14ac:dyDescent="0.25">
      <c r="A53" s="3" t="s">
        <v>93</v>
      </c>
      <c r="B53" s="5" t="s">
        <v>1062</v>
      </c>
      <c r="C53" s="11">
        <v>42206000</v>
      </c>
      <c r="D53" s="11">
        <v>42206000</v>
      </c>
      <c r="E53" s="11">
        <v>31842889.199999999</v>
      </c>
      <c r="F53" s="11">
        <v>75.45</v>
      </c>
      <c r="G53" s="11">
        <v>27586357.079999998</v>
      </c>
      <c r="H53" s="11">
        <v>65.36</v>
      </c>
      <c r="I53" s="11">
        <v>27586357.079999998</v>
      </c>
      <c r="J53" s="11">
        <v>65.36</v>
      </c>
      <c r="K53" s="12"/>
      <c r="L53" s="12"/>
      <c r="M53" s="12"/>
    </row>
    <row r="54" spans="1:13" x14ac:dyDescent="0.25">
      <c r="A54" s="2" t="s">
        <v>95</v>
      </c>
      <c r="B54" s="4" t="s">
        <v>1055</v>
      </c>
      <c r="C54" s="13">
        <v>42206000</v>
      </c>
      <c r="D54" s="13">
        <v>42206000</v>
      </c>
      <c r="E54" s="13">
        <v>31842889.199999999</v>
      </c>
      <c r="F54" s="13">
        <v>75.45</v>
      </c>
      <c r="G54" s="13">
        <v>27586357.079999998</v>
      </c>
      <c r="H54" s="13">
        <v>65.36</v>
      </c>
      <c r="I54" s="13">
        <v>27586357.079999998</v>
      </c>
      <c r="J54" s="13">
        <v>65.36</v>
      </c>
      <c r="K54" s="12"/>
      <c r="L54" s="12"/>
      <c r="M54" s="12"/>
    </row>
    <row r="55" spans="1:13" x14ac:dyDescent="0.25">
      <c r="A55" s="2" t="s">
        <v>97</v>
      </c>
      <c r="B55" s="4" t="s">
        <v>1058</v>
      </c>
      <c r="C55" s="13">
        <v>0</v>
      </c>
      <c r="D55" s="13">
        <v>0</v>
      </c>
      <c r="E55" s="13">
        <v>0</v>
      </c>
      <c r="F55" s="13">
        <v>0</v>
      </c>
      <c r="G55" s="13">
        <v>0</v>
      </c>
      <c r="H55" s="13">
        <v>0</v>
      </c>
      <c r="I55" s="13">
        <v>0</v>
      </c>
      <c r="J55" s="13">
        <v>0</v>
      </c>
      <c r="K55" s="12"/>
      <c r="L55" s="12"/>
      <c r="M55" s="12"/>
    </row>
    <row r="56" spans="1:13" x14ac:dyDescent="0.25">
      <c r="A56" s="3" t="s">
        <v>99</v>
      </c>
      <c r="B56" s="5" t="s">
        <v>1063</v>
      </c>
      <c r="C56" s="11">
        <v>377210900</v>
      </c>
      <c r="D56" s="11">
        <v>527958184</v>
      </c>
      <c r="E56" s="11">
        <v>463984777.76999998</v>
      </c>
      <c r="F56" s="11">
        <v>153.44999999999999</v>
      </c>
      <c r="G56" s="11">
        <v>402038322.52999997</v>
      </c>
      <c r="H56" s="11">
        <v>115.95</v>
      </c>
      <c r="I56" s="11">
        <v>369122036.83999997</v>
      </c>
      <c r="J56" s="11">
        <v>109.54</v>
      </c>
      <c r="K56" s="12"/>
      <c r="L56" s="12"/>
      <c r="M56" s="12"/>
    </row>
    <row r="57" spans="1:13" x14ac:dyDescent="0.25">
      <c r="A57" s="2" t="s">
        <v>101</v>
      </c>
      <c r="B57" s="4" t="s">
        <v>1055</v>
      </c>
      <c r="C57" s="13">
        <v>363569700</v>
      </c>
      <c r="D57" s="13">
        <v>513349801</v>
      </c>
      <c r="E57" s="13">
        <v>454502964.38999999</v>
      </c>
      <c r="F57" s="13">
        <v>88.54</v>
      </c>
      <c r="G57" s="13">
        <v>396379137.54000002</v>
      </c>
      <c r="H57" s="13">
        <v>77.209999999999994</v>
      </c>
      <c r="I57" s="13">
        <v>363462851.85000002</v>
      </c>
      <c r="J57" s="13">
        <v>70.8</v>
      </c>
      <c r="K57" s="12"/>
      <c r="L57" s="12"/>
      <c r="M57" s="12"/>
    </row>
    <row r="58" spans="1:13" x14ac:dyDescent="0.25">
      <c r="A58" s="2" t="s">
        <v>103</v>
      </c>
      <c r="B58" s="4" t="s">
        <v>1058</v>
      </c>
      <c r="C58" s="13">
        <v>13641200</v>
      </c>
      <c r="D58" s="13">
        <v>14608383</v>
      </c>
      <c r="E58" s="13">
        <v>9481813.3800000008</v>
      </c>
      <c r="F58" s="13">
        <v>64.91</v>
      </c>
      <c r="G58" s="13">
        <v>5659184.9900000002</v>
      </c>
      <c r="H58" s="13">
        <v>38.74</v>
      </c>
      <c r="I58" s="13">
        <v>5659184.9900000002</v>
      </c>
      <c r="J58" s="13">
        <v>38.74</v>
      </c>
      <c r="K58" s="12"/>
      <c r="L58" s="12"/>
      <c r="M58" s="12"/>
    </row>
    <row r="59" spans="1:13" x14ac:dyDescent="0.25">
      <c r="A59" s="3" t="s">
        <v>105</v>
      </c>
      <c r="B59" s="5" t="s">
        <v>1064</v>
      </c>
      <c r="C59" s="11">
        <v>1489862900</v>
      </c>
      <c r="D59" s="11">
        <v>1689562509</v>
      </c>
      <c r="E59" s="11">
        <v>1378837223.1700001</v>
      </c>
      <c r="F59" s="11">
        <v>81.61</v>
      </c>
      <c r="G59" s="11">
        <v>1119699376.6600001</v>
      </c>
      <c r="H59" s="11">
        <v>66.27</v>
      </c>
      <c r="I59" s="11">
        <v>1077977892.2</v>
      </c>
      <c r="J59" s="11">
        <v>63.8</v>
      </c>
      <c r="K59" s="12"/>
      <c r="L59" s="12"/>
      <c r="M59" s="12"/>
    </row>
    <row r="60" spans="1:13" x14ac:dyDescent="0.25">
      <c r="C60" s="12"/>
      <c r="D60" s="12"/>
      <c r="E60" s="12"/>
      <c r="F60" s="12"/>
      <c r="G60" s="12"/>
      <c r="H60" s="12"/>
      <c r="I60" s="12"/>
      <c r="J60" s="12"/>
      <c r="K60" s="12"/>
      <c r="L60" s="12"/>
      <c r="M60" s="12"/>
    </row>
    <row r="61" spans="1:13" x14ac:dyDescent="0.25">
      <c r="A61" s="10" t="s">
        <v>6</v>
      </c>
      <c r="B61" s="10" t="s">
        <v>1065</v>
      </c>
      <c r="C61" s="14" t="s">
        <v>1066</v>
      </c>
      <c r="D61" s="14" t="s">
        <v>1067</v>
      </c>
      <c r="E61" s="14" t="s">
        <v>1068</v>
      </c>
      <c r="F61" s="12"/>
      <c r="G61" s="12"/>
      <c r="H61" s="12"/>
      <c r="I61" s="12"/>
      <c r="J61" s="12"/>
      <c r="K61" s="12"/>
      <c r="L61" s="12"/>
      <c r="M61" s="12"/>
    </row>
    <row r="62" spans="1:13" x14ac:dyDescent="0.25">
      <c r="A62" s="10" t="s">
        <v>7</v>
      </c>
      <c r="B62" s="10" t="s">
        <v>7</v>
      </c>
      <c r="C62" s="14" t="s">
        <v>7</v>
      </c>
      <c r="D62" s="14" t="s">
        <v>7</v>
      </c>
      <c r="E62" s="14" t="s">
        <v>7</v>
      </c>
      <c r="F62" s="12"/>
      <c r="G62" s="12"/>
      <c r="H62" s="12"/>
      <c r="I62" s="12"/>
      <c r="J62" s="12"/>
      <c r="K62" s="12"/>
      <c r="L62" s="12"/>
      <c r="M62" s="12"/>
    </row>
    <row r="63" spans="1:13" x14ac:dyDescent="0.25">
      <c r="A63" s="2" t="s">
        <v>107</v>
      </c>
      <c r="B63" s="4" t="s">
        <v>1069</v>
      </c>
      <c r="C63" s="13">
        <v>1378837223.1700001</v>
      </c>
      <c r="D63" s="13">
        <v>1119699376.6600001</v>
      </c>
      <c r="E63" s="13">
        <v>1077977892.2</v>
      </c>
      <c r="F63" s="12"/>
      <c r="G63" s="12"/>
      <c r="H63" s="12"/>
      <c r="I63" s="12"/>
      <c r="J63" s="12"/>
      <c r="K63" s="12"/>
      <c r="L63" s="12"/>
      <c r="M63" s="12"/>
    </row>
    <row r="64" spans="1:13" x14ac:dyDescent="0.25">
      <c r="A64" s="2" t="s">
        <v>109</v>
      </c>
      <c r="B64" s="4" t="s">
        <v>1070</v>
      </c>
      <c r="C64" s="13">
        <v>0</v>
      </c>
      <c r="D64" s="13">
        <v>0</v>
      </c>
      <c r="E64" s="13">
        <v>0</v>
      </c>
      <c r="F64" s="12"/>
      <c r="G64" s="12"/>
      <c r="H64" s="12"/>
      <c r="I64" s="12"/>
      <c r="J64" s="12"/>
      <c r="K64" s="12"/>
      <c r="L64" s="12"/>
      <c r="M64" s="12"/>
    </row>
    <row r="65" spans="1:13" x14ac:dyDescent="0.25">
      <c r="A65" s="2" t="s">
        <v>111</v>
      </c>
      <c r="B65" s="4" t="s">
        <v>1071</v>
      </c>
      <c r="C65" s="13">
        <v>0</v>
      </c>
      <c r="D65" s="13">
        <v>0</v>
      </c>
      <c r="E65" s="13">
        <v>0</v>
      </c>
      <c r="F65" s="12"/>
      <c r="G65" s="12"/>
      <c r="H65" s="12"/>
      <c r="I65" s="12"/>
      <c r="J65" s="12"/>
      <c r="K65" s="12"/>
      <c r="L65" s="12"/>
      <c r="M65" s="12"/>
    </row>
    <row r="66" spans="1:13" x14ac:dyDescent="0.25">
      <c r="A66" s="2" t="s">
        <v>113</v>
      </c>
      <c r="B66" s="4" t="s">
        <v>1072</v>
      </c>
      <c r="C66" s="13">
        <v>0</v>
      </c>
      <c r="D66" s="13">
        <v>0</v>
      </c>
      <c r="E66" s="13">
        <v>0</v>
      </c>
      <c r="F66" s="12"/>
      <c r="G66" s="12"/>
      <c r="H66" s="12"/>
      <c r="I66" s="12"/>
      <c r="J66" s="12"/>
      <c r="K66" s="12"/>
      <c r="L66" s="12"/>
      <c r="M66" s="12"/>
    </row>
    <row r="67" spans="1:13" x14ac:dyDescent="0.25">
      <c r="A67" s="2" t="s">
        <v>115</v>
      </c>
      <c r="B67" s="4" t="s">
        <v>1073</v>
      </c>
      <c r="C67" s="13">
        <v>1378837223.1700001</v>
      </c>
      <c r="D67" s="13">
        <v>1119699376.6600001</v>
      </c>
      <c r="E67" s="13">
        <v>1077977892.2</v>
      </c>
      <c r="F67" s="12"/>
      <c r="G67" s="12"/>
      <c r="H67" s="12"/>
      <c r="I67" s="12"/>
      <c r="J67" s="12"/>
      <c r="K67" s="12"/>
      <c r="L67" s="12"/>
      <c r="M67" s="12"/>
    </row>
    <row r="68" spans="1:13" x14ac:dyDescent="0.25">
      <c r="C68" s="12"/>
      <c r="D68" s="12"/>
      <c r="E68" s="12"/>
      <c r="F68" s="12"/>
      <c r="G68" s="12"/>
      <c r="H68" s="12"/>
      <c r="I68" s="12"/>
      <c r="J68" s="12"/>
      <c r="K68" s="12"/>
      <c r="L68" s="12"/>
      <c r="M68" s="12"/>
    </row>
    <row r="69" spans="1:13" x14ac:dyDescent="0.25">
      <c r="A69" s="10" t="s">
        <v>6</v>
      </c>
      <c r="B69" s="10" t="s">
        <v>1074</v>
      </c>
      <c r="C69" s="14" t="s">
        <v>1075</v>
      </c>
      <c r="D69" s="12"/>
      <c r="E69" s="12"/>
      <c r="F69" s="12"/>
      <c r="G69" s="12"/>
      <c r="H69" s="12"/>
      <c r="I69" s="12"/>
      <c r="J69" s="12"/>
      <c r="K69" s="12"/>
      <c r="L69" s="12"/>
      <c r="M69" s="12"/>
    </row>
    <row r="70" spans="1:13" x14ac:dyDescent="0.25">
      <c r="A70" s="10" t="s">
        <v>7</v>
      </c>
      <c r="B70" s="10" t="s">
        <v>7</v>
      </c>
      <c r="C70" s="14" t="s">
        <v>7</v>
      </c>
      <c r="D70" s="12"/>
      <c r="E70" s="12"/>
      <c r="F70" s="12"/>
      <c r="G70" s="12"/>
      <c r="H70" s="12"/>
      <c r="I70" s="12"/>
      <c r="J70" s="12"/>
      <c r="K70" s="12"/>
      <c r="L70" s="12"/>
      <c r="M70" s="12"/>
    </row>
    <row r="71" spans="1:13" x14ac:dyDescent="0.25">
      <c r="A71" s="2" t="s">
        <v>117</v>
      </c>
      <c r="B71" s="4" t="s">
        <v>1076</v>
      </c>
      <c r="C71" s="13">
        <v>1186303636.51</v>
      </c>
      <c r="D71" s="12"/>
      <c r="E71" s="12"/>
      <c r="F71" s="12"/>
      <c r="G71" s="12"/>
      <c r="H71" s="12"/>
      <c r="I71" s="12"/>
      <c r="J71" s="12"/>
      <c r="K71" s="12"/>
      <c r="L71" s="12"/>
      <c r="M71" s="12"/>
    </row>
    <row r="72" spans="1:13" x14ac:dyDescent="0.25">
      <c r="A72" s="2" t="s">
        <v>119</v>
      </c>
      <c r="B72" s="4" t="s">
        <v>1077</v>
      </c>
      <c r="C72" s="13">
        <v>0</v>
      </c>
      <c r="D72" s="12"/>
      <c r="E72" s="12"/>
      <c r="F72" s="12"/>
      <c r="G72" s="12"/>
      <c r="H72" s="12"/>
      <c r="I72" s="12"/>
      <c r="J72" s="12"/>
      <c r="K72" s="12"/>
      <c r="L72" s="12"/>
      <c r="M72" s="12"/>
    </row>
    <row r="73" spans="1:13" x14ac:dyDescent="0.25">
      <c r="C73" s="12"/>
      <c r="D73" s="12"/>
      <c r="E73" s="12"/>
      <c r="F73" s="12"/>
      <c r="G73" s="12"/>
      <c r="H73" s="12"/>
      <c r="I73" s="12"/>
      <c r="J73" s="12"/>
      <c r="K73" s="12"/>
      <c r="L73" s="12"/>
      <c r="M73" s="12"/>
    </row>
    <row r="74" spans="1:13" x14ac:dyDescent="0.25">
      <c r="A74" s="10" t="s">
        <v>6</v>
      </c>
      <c r="B74" s="10" t="s">
        <v>1078</v>
      </c>
      <c r="C74" s="14" t="s">
        <v>1066</v>
      </c>
      <c r="D74" s="14" t="s">
        <v>1067</v>
      </c>
      <c r="E74" s="14" t="s">
        <v>1068</v>
      </c>
      <c r="F74" s="12"/>
      <c r="G74" s="12"/>
      <c r="H74" s="12"/>
      <c r="I74" s="12"/>
      <c r="J74" s="12"/>
      <c r="K74" s="12"/>
      <c r="L74" s="12"/>
      <c r="M74" s="12"/>
    </row>
    <row r="75" spans="1:13" x14ac:dyDescent="0.25">
      <c r="A75" s="10" t="s">
        <v>7</v>
      </c>
      <c r="B75" s="10" t="s">
        <v>7</v>
      </c>
      <c r="C75" s="14" t="s">
        <v>7</v>
      </c>
      <c r="D75" s="14" t="s">
        <v>7</v>
      </c>
      <c r="E75" s="14" t="s">
        <v>7</v>
      </c>
      <c r="F75" s="12"/>
      <c r="G75" s="12"/>
      <c r="H75" s="12"/>
      <c r="I75" s="12"/>
      <c r="J75" s="12"/>
      <c r="K75" s="12"/>
      <c r="L75" s="12"/>
      <c r="M75" s="12"/>
    </row>
    <row r="76" spans="1:13" x14ac:dyDescent="0.25">
      <c r="A76" s="2" t="s">
        <v>120</v>
      </c>
      <c r="B76" s="4" t="s">
        <v>1079</v>
      </c>
      <c r="C76" s="13">
        <v>0</v>
      </c>
      <c r="D76" s="13">
        <v>-66604259.850000001</v>
      </c>
      <c r="E76" s="13">
        <v>0</v>
      </c>
      <c r="F76" s="12"/>
      <c r="G76" s="12"/>
      <c r="H76" s="12"/>
      <c r="I76" s="12"/>
      <c r="J76" s="12"/>
      <c r="K76" s="12"/>
      <c r="L76" s="12"/>
      <c r="M76" s="12"/>
    </row>
    <row r="77" spans="1:13" x14ac:dyDescent="0.25">
      <c r="C77" s="12"/>
      <c r="D77" s="12"/>
      <c r="E77" s="12"/>
      <c r="F77" s="12"/>
      <c r="G77" s="12"/>
      <c r="H77" s="12"/>
      <c r="I77" s="12"/>
      <c r="J77" s="12"/>
      <c r="K77" s="12"/>
      <c r="L77" s="12"/>
      <c r="M77" s="12"/>
    </row>
    <row r="78" spans="1:13" x14ac:dyDescent="0.25">
      <c r="A78" s="10" t="s">
        <v>6</v>
      </c>
      <c r="B78" s="10" t="s">
        <v>1080</v>
      </c>
      <c r="C78" s="14" t="s">
        <v>1080</v>
      </c>
      <c r="D78" s="12"/>
      <c r="E78" s="12"/>
      <c r="F78" s="12"/>
      <c r="G78" s="12"/>
      <c r="H78" s="12"/>
      <c r="I78" s="12"/>
      <c r="J78" s="12"/>
      <c r="K78" s="12"/>
      <c r="L78" s="12"/>
      <c r="M78" s="12"/>
    </row>
    <row r="79" spans="1:13" x14ac:dyDescent="0.25">
      <c r="A79" s="10" t="s">
        <v>7</v>
      </c>
      <c r="B79" s="10" t="s">
        <v>7</v>
      </c>
      <c r="C79" s="14" t="s">
        <v>7</v>
      </c>
      <c r="D79" s="12"/>
      <c r="E79" s="12"/>
      <c r="F79" s="12"/>
      <c r="G79" s="12"/>
      <c r="H79" s="12"/>
      <c r="I79" s="12"/>
      <c r="J79" s="12"/>
      <c r="K79" s="12"/>
      <c r="L79" s="12"/>
      <c r="M79" s="12"/>
    </row>
    <row r="80" spans="1:13" x14ac:dyDescent="0.25">
      <c r="A80" s="2" t="s">
        <v>121</v>
      </c>
      <c r="B80" s="4" t="s">
        <v>1081</v>
      </c>
      <c r="C80" s="13">
        <v>-66604259.850000001</v>
      </c>
      <c r="D80" s="12"/>
      <c r="E80" s="12"/>
      <c r="F80" s="12"/>
      <c r="G80" s="12"/>
      <c r="H80" s="12"/>
      <c r="I80" s="12"/>
      <c r="J80" s="12"/>
      <c r="K80" s="12"/>
      <c r="L80" s="12"/>
      <c r="M80" s="12"/>
    </row>
    <row r="81" spans="1:13" x14ac:dyDescent="0.25">
      <c r="C81" s="12"/>
      <c r="D81" s="12"/>
      <c r="E81" s="12"/>
      <c r="F81" s="12"/>
      <c r="G81" s="12"/>
      <c r="H81" s="12"/>
      <c r="I81" s="12"/>
      <c r="J81" s="12"/>
      <c r="K81" s="12"/>
      <c r="L81" s="12"/>
      <c r="M81" s="12"/>
    </row>
    <row r="82" spans="1:13" x14ac:dyDescent="0.25">
      <c r="A82" s="10" t="s">
        <v>6</v>
      </c>
      <c r="B82" s="10" t="s">
        <v>1082</v>
      </c>
      <c r="C82" s="14" t="s">
        <v>1066</v>
      </c>
      <c r="D82" s="14" t="s">
        <v>1067</v>
      </c>
      <c r="E82" s="12"/>
      <c r="F82" s="12"/>
      <c r="G82" s="12"/>
      <c r="H82" s="12"/>
      <c r="I82" s="12"/>
      <c r="J82" s="12"/>
      <c r="K82" s="12"/>
      <c r="L82" s="12"/>
      <c r="M82" s="12"/>
    </row>
    <row r="83" spans="1:13" x14ac:dyDescent="0.25">
      <c r="A83" s="10" t="s">
        <v>7</v>
      </c>
      <c r="B83" s="10" t="s">
        <v>7</v>
      </c>
      <c r="C83" s="14" t="s">
        <v>7</v>
      </c>
      <c r="D83" s="14" t="s">
        <v>7</v>
      </c>
      <c r="E83" s="12"/>
      <c r="F83" s="12"/>
      <c r="G83" s="12"/>
      <c r="H83" s="12"/>
      <c r="I83" s="12"/>
      <c r="J83" s="12"/>
      <c r="K83" s="12"/>
      <c r="L83" s="12"/>
      <c r="M83" s="12"/>
    </row>
    <row r="84" spans="1:13" x14ac:dyDescent="0.25">
      <c r="A84" s="2" t="s">
        <v>122</v>
      </c>
      <c r="B84" s="4" t="s">
        <v>1083</v>
      </c>
      <c r="C84" s="13">
        <v>13.95</v>
      </c>
      <c r="D84" s="13">
        <v>11.33</v>
      </c>
      <c r="E84" s="12"/>
      <c r="F84" s="12"/>
      <c r="G84" s="12"/>
      <c r="H84" s="12"/>
      <c r="I84" s="12"/>
      <c r="J84" s="12"/>
      <c r="K84" s="12"/>
      <c r="L84" s="12"/>
      <c r="M84" s="12"/>
    </row>
    <row r="85" spans="1:13" x14ac:dyDescent="0.25">
      <c r="C85" s="12"/>
      <c r="D85" s="12"/>
      <c r="E85" s="12"/>
      <c r="F85" s="12"/>
      <c r="G85" s="12"/>
      <c r="H85" s="12"/>
      <c r="I85" s="12"/>
      <c r="J85" s="12"/>
      <c r="K85" s="12"/>
      <c r="L85" s="12"/>
      <c r="M85" s="12"/>
    </row>
    <row r="86" spans="1:13" x14ac:dyDescent="0.25">
      <c r="A86" s="10" t="s">
        <v>6</v>
      </c>
      <c r="B86" s="10" t="s">
        <v>1084</v>
      </c>
      <c r="C86" s="14" t="s">
        <v>1085</v>
      </c>
      <c r="D86" s="14" t="s">
        <v>1086</v>
      </c>
      <c r="E86" s="14" t="s">
        <v>7</v>
      </c>
      <c r="F86" s="14" t="s">
        <v>7</v>
      </c>
      <c r="G86" s="14" t="s">
        <v>1090</v>
      </c>
      <c r="H86" s="12"/>
      <c r="I86" s="12"/>
      <c r="J86" s="12"/>
      <c r="K86" s="12"/>
      <c r="L86" s="12"/>
      <c r="M86" s="12"/>
    </row>
    <row r="87" spans="1:13" ht="31.5" x14ac:dyDescent="0.25">
      <c r="A87" s="10" t="s">
        <v>7</v>
      </c>
      <c r="B87" s="10" t="s">
        <v>7</v>
      </c>
      <c r="C87" s="14" t="s">
        <v>7</v>
      </c>
      <c r="D87" s="15" t="s">
        <v>1087</v>
      </c>
      <c r="E87" s="15" t="s">
        <v>1088</v>
      </c>
      <c r="F87" s="15" t="s">
        <v>1089</v>
      </c>
      <c r="G87" s="14" t="s">
        <v>7</v>
      </c>
      <c r="H87" s="12"/>
      <c r="I87" s="12"/>
      <c r="J87" s="12"/>
      <c r="K87" s="12"/>
      <c r="L87" s="12"/>
      <c r="M87" s="12"/>
    </row>
    <row r="88" spans="1:13" x14ac:dyDescent="0.25">
      <c r="A88" s="2" t="s">
        <v>123</v>
      </c>
      <c r="B88" s="4" t="s">
        <v>1091</v>
      </c>
      <c r="C88" s="13">
        <v>0</v>
      </c>
      <c r="D88" s="13">
        <v>0</v>
      </c>
      <c r="E88" s="13">
        <v>0</v>
      </c>
      <c r="F88" s="13">
        <v>0</v>
      </c>
      <c r="G88" s="13">
        <v>0</v>
      </c>
      <c r="H88" s="12"/>
      <c r="I88" s="12"/>
      <c r="J88" s="12"/>
      <c r="K88" s="12"/>
      <c r="L88" s="12"/>
      <c r="M88" s="12"/>
    </row>
    <row r="89" spans="1:13" x14ac:dyDescent="0.25">
      <c r="A89" s="2" t="s">
        <v>124</v>
      </c>
      <c r="B89" s="4" t="s">
        <v>1092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2"/>
      <c r="I89" s="12"/>
      <c r="J89" s="12"/>
      <c r="K89" s="12"/>
      <c r="L89" s="12"/>
      <c r="M89" s="12"/>
    </row>
    <row r="90" spans="1:13" x14ac:dyDescent="0.25">
      <c r="A90" s="2" t="s">
        <v>125</v>
      </c>
      <c r="B90" s="4" t="s">
        <v>1093</v>
      </c>
      <c r="C90" s="13">
        <v>0</v>
      </c>
      <c r="D90" s="13">
        <v>0</v>
      </c>
      <c r="E90" s="13">
        <v>0</v>
      </c>
      <c r="F90" s="13">
        <v>0</v>
      </c>
      <c r="G90" s="13">
        <v>0</v>
      </c>
      <c r="H90" s="12"/>
      <c r="I90" s="12"/>
      <c r="J90" s="12"/>
      <c r="K90" s="12"/>
      <c r="L90" s="12"/>
      <c r="M90" s="12"/>
    </row>
    <row r="91" spans="1:13" x14ac:dyDescent="0.25">
      <c r="A91" s="2" t="s">
        <v>127</v>
      </c>
      <c r="B91" s="4" t="s">
        <v>1094</v>
      </c>
      <c r="C91" s="13">
        <v>0</v>
      </c>
      <c r="D91" s="13">
        <v>0</v>
      </c>
      <c r="E91" s="13">
        <v>0</v>
      </c>
      <c r="F91" s="13">
        <v>0</v>
      </c>
      <c r="G91" s="13">
        <v>0</v>
      </c>
      <c r="H91" s="12"/>
      <c r="I91" s="12"/>
      <c r="J91" s="12"/>
      <c r="K91" s="12"/>
      <c r="L91" s="12"/>
      <c r="M91" s="12"/>
    </row>
    <row r="92" spans="1:13" x14ac:dyDescent="0.25">
      <c r="C92" s="12"/>
      <c r="D92" s="12"/>
      <c r="E92" s="12"/>
      <c r="F92" s="12"/>
      <c r="G92" s="12"/>
      <c r="H92" s="12"/>
      <c r="I92" s="12"/>
      <c r="J92" s="12"/>
      <c r="K92" s="12"/>
      <c r="L92" s="12"/>
      <c r="M92" s="12"/>
    </row>
    <row r="93" spans="1:13" x14ac:dyDescent="0.25">
      <c r="A93" s="10" t="s">
        <v>6</v>
      </c>
      <c r="B93" s="10" t="s">
        <v>1095</v>
      </c>
      <c r="C93" s="14" t="s">
        <v>1096</v>
      </c>
      <c r="D93" s="14" t="s">
        <v>1097</v>
      </c>
      <c r="E93" s="14" t="s">
        <v>1098</v>
      </c>
      <c r="F93" s="14" t="s">
        <v>1099</v>
      </c>
      <c r="G93" s="14" t="s">
        <v>1100</v>
      </c>
      <c r="H93" s="14" t="s">
        <v>1101</v>
      </c>
      <c r="I93" s="14" t="s">
        <v>1102</v>
      </c>
      <c r="J93" s="14" t="s">
        <v>1103</v>
      </c>
      <c r="K93" s="14" t="s">
        <v>1104</v>
      </c>
      <c r="L93" s="14" t="s">
        <v>1105</v>
      </c>
      <c r="M93" s="12"/>
    </row>
    <row r="94" spans="1:13" x14ac:dyDescent="0.25">
      <c r="A94" s="10" t="s">
        <v>7</v>
      </c>
      <c r="B94" s="10" t="s">
        <v>7</v>
      </c>
      <c r="C94" s="14" t="s">
        <v>7</v>
      </c>
      <c r="D94" s="14" t="s">
        <v>7</v>
      </c>
      <c r="E94" s="14" t="s">
        <v>7</v>
      </c>
      <c r="F94" s="14" t="s">
        <v>7</v>
      </c>
      <c r="G94" s="14" t="s">
        <v>7</v>
      </c>
      <c r="H94" s="14" t="s">
        <v>7</v>
      </c>
      <c r="I94" s="14" t="s">
        <v>7</v>
      </c>
      <c r="J94" s="14" t="s">
        <v>7</v>
      </c>
      <c r="K94" s="14" t="s">
        <v>7</v>
      </c>
      <c r="L94" s="14" t="s">
        <v>7</v>
      </c>
      <c r="M94" s="12"/>
    </row>
    <row r="95" spans="1:13" x14ac:dyDescent="0.25">
      <c r="A95" s="2" t="s">
        <v>129</v>
      </c>
      <c r="B95" s="4" t="s">
        <v>1106</v>
      </c>
      <c r="C95" s="13">
        <v>0</v>
      </c>
      <c r="D95" s="13">
        <v>0</v>
      </c>
      <c r="E95" s="13">
        <v>0</v>
      </c>
      <c r="F95" s="13">
        <v>0</v>
      </c>
      <c r="G95" s="13">
        <v>0</v>
      </c>
      <c r="H95" s="13">
        <v>0</v>
      </c>
      <c r="I95" s="13">
        <v>0</v>
      </c>
      <c r="J95" s="13">
        <v>0</v>
      </c>
      <c r="K95" s="13">
        <v>0</v>
      </c>
      <c r="L95" s="13">
        <v>0</v>
      </c>
      <c r="M95" s="12"/>
    </row>
    <row r="96" spans="1:13" x14ac:dyDescent="0.25">
      <c r="A96" s="2" t="s">
        <v>131</v>
      </c>
      <c r="B96" s="4" t="s">
        <v>1107</v>
      </c>
      <c r="C96" s="13">
        <v>0</v>
      </c>
      <c r="D96" s="13">
        <v>0</v>
      </c>
      <c r="E96" s="13">
        <v>0</v>
      </c>
      <c r="F96" s="13">
        <v>0</v>
      </c>
      <c r="G96" s="13">
        <v>0</v>
      </c>
      <c r="H96" s="13">
        <v>0</v>
      </c>
      <c r="I96" s="13">
        <v>0</v>
      </c>
      <c r="J96" s="13">
        <v>0</v>
      </c>
      <c r="K96" s="13">
        <v>0</v>
      </c>
      <c r="L96" s="13">
        <v>0</v>
      </c>
      <c r="M96" s="12"/>
    </row>
    <row r="97" spans="1:13" x14ac:dyDescent="0.25">
      <c r="A97" s="2" t="s">
        <v>133</v>
      </c>
      <c r="B97" s="4" t="s">
        <v>1108</v>
      </c>
      <c r="C97" s="13">
        <v>0</v>
      </c>
      <c r="D97" s="13">
        <v>0</v>
      </c>
      <c r="E97" s="13">
        <v>0</v>
      </c>
      <c r="F97" s="13">
        <v>0</v>
      </c>
      <c r="G97" s="13">
        <v>0</v>
      </c>
      <c r="H97" s="13">
        <v>0</v>
      </c>
      <c r="I97" s="13">
        <v>0</v>
      </c>
      <c r="J97" s="13">
        <v>0</v>
      </c>
      <c r="K97" s="13">
        <v>0</v>
      </c>
      <c r="L97" s="13">
        <v>0</v>
      </c>
      <c r="M97" s="12"/>
    </row>
    <row r="98" spans="1:13" x14ac:dyDescent="0.25">
      <c r="A98" s="2" t="s">
        <v>135</v>
      </c>
      <c r="B98" s="4" t="s">
        <v>1109</v>
      </c>
      <c r="C98" s="13">
        <v>0</v>
      </c>
      <c r="D98" s="13">
        <v>0</v>
      </c>
      <c r="E98" s="13">
        <v>0</v>
      </c>
      <c r="F98" s="13">
        <v>0</v>
      </c>
      <c r="G98" s="13">
        <v>0</v>
      </c>
      <c r="H98" s="13">
        <v>0</v>
      </c>
      <c r="I98" s="13">
        <v>0</v>
      </c>
      <c r="J98" s="13">
        <v>0</v>
      </c>
      <c r="K98" s="13">
        <v>0</v>
      </c>
      <c r="L98" s="13">
        <v>0</v>
      </c>
      <c r="M98" s="12"/>
    </row>
    <row r="99" spans="1:13" x14ac:dyDescent="0.25">
      <c r="A99" s="2" t="s">
        <v>137</v>
      </c>
      <c r="B99" s="4" t="s">
        <v>1110</v>
      </c>
      <c r="C99" s="13">
        <v>0</v>
      </c>
      <c r="D99" s="13">
        <v>0</v>
      </c>
      <c r="E99" s="13">
        <v>0</v>
      </c>
      <c r="F99" s="13">
        <v>0</v>
      </c>
      <c r="G99" s="13">
        <v>0</v>
      </c>
      <c r="H99" s="13">
        <v>0</v>
      </c>
      <c r="I99" s="13">
        <v>0</v>
      </c>
      <c r="J99" s="13">
        <v>0</v>
      </c>
      <c r="K99" s="13">
        <v>0</v>
      </c>
      <c r="L99" s="13">
        <v>0</v>
      </c>
      <c r="M99" s="12"/>
    </row>
    <row r="100" spans="1:13" x14ac:dyDescent="0.25">
      <c r="C100" s="12"/>
      <c r="D100" s="12"/>
      <c r="E100" s="12"/>
      <c r="F100" s="12"/>
      <c r="G100" s="12"/>
      <c r="H100" s="12"/>
      <c r="I100" s="12"/>
      <c r="J100" s="12"/>
      <c r="K100" s="12"/>
      <c r="L100" s="12"/>
      <c r="M100" s="12"/>
    </row>
    <row r="101" spans="1:13" x14ac:dyDescent="0.25">
      <c r="A101" s="10" t="s">
        <v>6</v>
      </c>
      <c r="B101" s="10" t="s">
        <v>690</v>
      </c>
      <c r="C101" s="14" t="s">
        <v>398</v>
      </c>
      <c r="D101" s="12"/>
      <c r="E101" s="12"/>
      <c r="F101" s="12"/>
      <c r="G101" s="12"/>
      <c r="H101" s="12"/>
      <c r="I101" s="12"/>
      <c r="J101" s="12"/>
      <c r="K101" s="12"/>
      <c r="L101" s="12"/>
      <c r="M101" s="12"/>
    </row>
    <row r="102" spans="1:13" x14ac:dyDescent="0.25">
      <c r="A102" s="10" t="s">
        <v>7</v>
      </c>
      <c r="B102" s="10" t="s">
        <v>7</v>
      </c>
      <c r="C102" s="14" t="s">
        <v>7</v>
      </c>
      <c r="D102" s="12"/>
      <c r="E102" s="12"/>
      <c r="F102" s="12"/>
      <c r="G102" s="12"/>
      <c r="H102" s="12"/>
      <c r="I102" s="12"/>
      <c r="J102" s="12"/>
      <c r="K102" s="12"/>
      <c r="L102" s="12"/>
      <c r="M102" s="12"/>
    </row>
    <row r="103" spans="1:13" x14ac:dyDescent="0.25">
      <c r="A103" s="2" t="s">
        <v>139</v>
      </c>
      <c r="B103" s="4" t="s">
        <v>1111</v>
      </c>
      <c r="C103" s="13">
        <v>0</v>
      </c>
      <c r="D103" s="12"/>
      <c r="E103" s="12"/>
      <c r="F103" s="12"/>
      <c r="G103" s="12"/>
      <c r="H103" s="12"/>
      <c r="I103" s="12"/>
      <c r="J103" s="12"/>
      <c r="K103" s="12"/>
      <c r="L103" s="12"/>
      <c r="M103" s="12"/>
    </row>
    <row r="104" spans="1:13" x14ac:dyDescent="0.25">
      <c r="A104" s="2" t="s">
        <v>141</v>
      </c>
      <c r="B104" s="4" t="s">
        <v>1112</v>
      </c>
      <c r="C104" s="13">
        <v>0</v>
      </c>
      <c r="D104" s="12"/>
      <c r="E104" s="12"/>
      <c r="F104" s="12"/>
      <c r="G104" s="12"/>
      <c r="H104" s="12"/>
      <c r="I104" s="12"/>
      <c r="J104" s="12"/>
      <c r="K104" s="12"/>
      <c r="L104" s="12"/>
      <c r="M104" s="12"/>
    </row>
    <row r="105" spans="1:13" x14ac:dyDescent="0.25">
      <c r="A105" s="2" t="s">
        <v>143</v>
      </c>
      <c r="B105" s="4" t="s">
        <v>1113</v>
      </c>
      <c r="C105" s="13">
        <v>0</v>
      </c>
      <c r="D105" s="12"/>
      <c r="E105" s="12"/>
      <c r="F105" s="12"/>
      <c r="G105" s="12"/>
      <c r="H105" s="12"/>
      <c r="I105" s="12"/>
      <c r="J105" s="12"/>
      <c r="K105" s="12"/>
      <c r="L105" s="12"/>
      <c r="M105" s="12"/>
    </row>
    <row r="106" spans="1:13" x14ac:dyDescent="0.25">
      <c r="C106" s="12"/>
      <c r="D106" s="12"/>
      <c r="E106" s="12"/>
      <c r="F106" s="12"/>
      <c r="G106" s="12"/>
      <c r="H106" s="12"/>
      <c r="I106" s="12"/>
      <c r="J106" s="12"/>
      <c r="K106" s="12"/>
      <c r="L106" s="12"/>
      <c r="M106" s="12"/>
    </row>
    <row r="107" spans="1:13" x14ac:dyDescent="0.25">
      <c r="A107" s="10" t="s">
        <v>6</v>
      </c>
      <c r="B107" s="10" t="s">
        <v>1114</v>
      </c>
      <c r="C107" s="14" t="s">
        <v>1115</v>
      </c>
      <c r="D107" s="14" t="s">
        <v>1086</v>
      </c>
      <c r="E107" s="14" t="s">
        <v>7</v>
      </c>
      <c r="F107" s="14" t="s">
        <v>7</v>
      </c>
      <c r="G107" s="14" t="s">
        <v>1119</v>
      </c>
      <c r="H107" s="12"/>
      <c r="I107" s="12"/>
      <c r="J107" s="12"/>
      <c r="K107" s="12"/>
      <c r="L107" s="12"/>
      <c r="M107" s="12"/>
    </row>
    <row r="108" spans="1:13" ht="31.5" x14ac:dyDescent="0.25">
      <c r="A108" s="10" t="s">
        <v>7</v>
      </c>
      <c r="B108" s="10" t="s">
        <v>7</v>
      </c>
      <c r="C108" s="14" t="s">
        <v>7</v>
      </c>
      <c r="D108" s="15" t="s">
        <v>1116</v>
      </c>
      <c r="E108" s="15" t="s">
        <v>1117</v>
      </c>
      <c r="F108" s="15" t="s">
        <v>1118</v>
      </c>
      <c r="G108" s="14" t="s">
        <v>7</v>
      </c>
      <c r="H108" s="12"/>
      <c r="I108" s="12"/>
      <c r="J108" s="12"/>
      <c r="K108" s="12"/>
      <c r="L108" s="12"/>
      <c r="M108" s="12"/>
    </row>
    <row r="109" spans="1:13" x14ac:dyDescent="0.25">
      <c r="A109" s="2" t="s">
        <v>145</v>
      </c>
      <c r="B109" s="4" t="s">
        <v>1120</v>
      </c>
      <c r="C109" s="13">
        <v>0</v>
      </c>
      <c r="D109" s="13">
        <v>0</v>
      </c>
      <c r="E109" s="13">
        <v>0</v>
      </c>
      <c r="F109" s="13">
        <v>0</v>
      </c>
      <c r="G109" s="13">
        <v>0</v>
      </c>
      <c r="H109" s="12"/>
      <c r="I109" s="12"/>
      <c r="J109" s="12"/>
      <c r="K109" s="12"/>
      <c r="L109" s="12"/>
      <c r="M109" s="12"/>
    </row>
    <row r="110" spans="1:13" x14ac:dyDescent="0.25">
      <c r="A110" s="2" t="s">
        <v>147</v>
      </c>
      <c r="B110" s="4" t="s">
        <v>1121</v>
      </c>
      <c r="C110" s="13">
        <v>0</v>
      </c>
      <c r="D110" s="13">
        <v>0</v>
      </c>
      <c r="E110" s="13">
        <v>0</v>
      </c>
      <c r="F110" s="13">
        <v>0</v>
      </c>
      <c r="G110" s="13">
        <v>0</v>
      </c>
      <c r="H110" s="12"/>
      <c r="I110" s="12"/>
      <c r="J110" s="12"/>
      <c r="K110" s="12"/>
      <c r="L110" s="12"/>
      <c r="M110" s="12"/>
    </row>
    <row r="111" spans="1:13" x14ac:dyDescent="0.25">
      <c r="A111" s="2" t="s">
        <v>149</v>
      </c>
      <c r="B111" s="4" t="s">
        <v>1122</v>
      </c>
      <c r="C111" s="13">
        <v>0</v>
      </c>
      <c r="D111" s="13">
        <v>0</v>
      </c>
      <c r="E111" s="13">
        <v>0</v>
      </c>
      <c r="F111" s="13">
        <v>0</v>
      </c>
      <c r="G111" s="13">
        <v>0</v>
      </c>
      <c r="H111" s="12"/>
      <c r="I111" s="12"/>
      <c r="J111" s="12"/>
      <c r="K111" s="12"/>
      <c r="L111" s="12"/>
      <c r="M111" s="12"/>
    </row>
    <row r="112" spans="1:13" x14ac:dyDescent="0.25">
      <c r="A112" s="2" t="s">
        <v>151</v>
      </c>
      <c r="B112" s="4" t="s">
        <v>1123</v>
      </c>
      <c r="C112" s="13">
        <v>0</v>
      </c>
      <c r="D112" s="13">
        <v>0</v>
      </c>
      <c r="E112" s="13">
        <v>0</v>
      </c>
      <c r="F112" s="13">
        <v>0</v>
      </c>
      <c r="G112" s="13">
        <v>0</v>
      </c>
      <c r="H112" s="12"/>
      <c r="I112" s="12"/>
      <c r="J112" s="12"/>
      <c r="K112" s="12"/>
      <c r="L112" s="12"/>
      <c r="M112" s="12"/>
    </row>
    <row r="113" spans="1:13" x14ac:dyDescent="0.25">
      <c r="C113" s="12"/>
      <c r="D113" s="12"/>
      <c r="E113" s="12"/>
      <c r="F113" s="12"/>
      <c r="G113" s="12"/>
      <c r="H113" s="12"/>
      <c r="I113" s="12"/>
      <c r="J113" s="12"/>
      <c r="K113" s="12"/>
      <c r="L113" s="12"/>
      <c r="M113" s="12"/>
    </row>
    <row r="114" spans="1:13" x14ac:dyDescent="0.25">
      <c r="A114" s="10" t="s">
        <v>6</v>
      </c>
      <c r="B114" s="10" t="s">
        <v>1124</v>
      </c>
      <c r="C114" s="14" t="s">
        <v>9</v>
      </c>
      <c r="D114" s="14" t="s">
        <v>10</v>
      </c>
      <c r="E114" s="14" t="s">
        <v>11</v>
      </c>
      <c r="F114" s="14" t="s">
        <v>11</v>
      </c>
      <c r="G114" s="12"/>
      <c r="H114" s="12"/>
      <c r="I114" s="12"/>
      <c r="J114" s="12"/>
      <c r="K114" s="12"/>
      <c r="L114" s="12"/>
      <c r="M114" s="12"/>
    </row>
    <row r="115" spans="1:13" ht="21" x14ac:dyDescent="0.25">
      <c r="A115" s="10" t="s">
        <v>7</v>
      </c>
      <c r="B115" s="10" t="s">
        <v>7</v>
      </c>
      <c r="C115" s="14" t="s">
        <v>7</v>
      </c>
      <c r="D115" s="14" t="s">
        <v>7</v>
      </c>
      <c r="E115" s="15" t="s">
        <v>1125</v>
      </c>
      <c r="F115" s="15" t="s">
        <v>1024</v>
      </c>
      <c r="G115" s="12"/>
      <c r="H115" s="12"/>
      <c r="I115" s="12"/>
      <c r="J115" s="12"/>
      <c r="K115" s="12"/>
      <c r="L115" s="12"/>
      <c r="M115" s="12"/>
    </row>
    <row r="116" spans="1:13" x14ac:dyDescent="0.25">
      <c r="A116" s="3" t="s">
        <v>153</v>
      </c>
      <c r="B116" s="5" t="s">
        <v>1126</v>
      </c>
      <c r="C116" s="11">
        <v>332145900</v>
      </c>
      <c r="D116" s="11">
        <v>332145900</v>
      </c>
      <c r="E116" s="11">
        <v>148969757.94</v>
      </c>
      <c r="F116" s="11">
        <v>44.85</v>
      </c>
      <c r="G116" s="12"/>
      <c r="H116" s="12"/>
      <c r="I116" s="12"/>
      <c r="J116" s="12"/>
      <c r="K116" s="12"/>
      <c r="L116" s="12"/>
      <c r="M116" s="12"/>
    </row>
    <row r="117" spans="1:13" x14ac:dyDescent="0.25">
      <c r="A117" s="2" t="s">
        <v>154</v>
      </c>
      <c r="B117" s="4" t="s">
        <v>1127</v>
      </c>
      <c r="C117" s="13">
        <v>332145900</v>
      </c>
      <c r="D117" s="13">
        <v>332145900</v>
      </c>
      <c r="E117" s="13">
        <v>148969757.94</v>
      </c>
      <c r="F117" s="13">
        <v>44.85</v>
      </c>
      <c r="G117" s="12"/>
      <c r="H117" s="12"/>
      <c r="I117" s="12"/>
      <c r="J117" s="12"/>
      <c r="K117" s="12"/>
      <c r="L117" s="12"/>
      <c r="M117" s="12"/>
    </row>
    <row r="118" spans="1:13" x14ac:dyDescent="0.25">
      <c r="A118" s="2" t="s">
        <v>155</v>
      </c>
      <c r="B118" s="4" t="s">
        <v>1128</v>
      </c>
      <c r="C118" s="13">
        <v>0</v>
      </c>
      <c r="D118" s="13">
        <v>0</v>
      </c>
      <c r="E118" s="13">
        <v>0</v>
      </c>
      <c r="F118" s="13">
        <v>0</v>
      </c>
      <c r="G118" s="12"/>
      <c r="H118" s="12"/>
      <c r="I118" s="12"/>
      <c r="J118" s="12"/>
      <c r="K118" s="12"/>
      <c r="L118" s="12"/>
      <c r="M118" s="12"/>
    </row>
    <row r="119" spans="1:13" x14ac:dyDescent="0.25">
      <c r="A119" s="2" t="s">
        <v>157</v>
      </c>
      <c r="B119" s="4" t="s">
        <v>1129</v>
      </c>
      <c r="C119" s="13">
        <v>0</v>
      </c>
      <c r="D119" s="13">
        <v>0</v>
      </c>
      <c r="E119" s="13">
        <v>0</v>
      </c>
      <c r="F119" s="13">
        <v>0</v>
      </c>
      <c r="G119" s="12"/>
      <c r="H119" s="12"/>
      <c r="I119" s="12"/>
      <c r="J119" s="12"/>
      <c r="K119" s="12"/>
      <c r="L119" s="12"/>
      <c r="M119" s="12"/>
    </row>
    <row r="120" spans="1:13" x14ac:dyDescent="0.25">
      <c r="A120" s="2" t="s">
        <v>159</v>
      </c>
      <c r="B120" s="4" t="s">
        <v>1130</v>
      </c>
      <c r="C120" s="13">
        <v>0</v>
      </c>
      <c r="D120" s="13">
        <v>0</v>
      </c>
      <c r="E120" s="13">
        <v>0</v>
      </c>
      <c r="F120" s="13">
        <v>0</v>
      </c>
      <c r="G120" s="12"/>
      <c r="H120" s="12"/>
      <c r="I120" s="12"/>
      <c r="J120" s="12"/>
      <c r="K120" s="12"/>
      <c r="L120" s="12"/>
      <c r="M120" s="12"/>
    </row>
    <row r="121" spans="1:13" x14ac:dyDescent="0.25">
      <c r="A121" s="2" t="s">
        <v>161</v>
      </c>
      <c r="B121" s="4" t="s">
        <v>1131</v>
      </c>
      <c r="C121" s="13">
        <v>738000</v>
      </c>
      <c r="D121" s="13">
        <v>738000</v>
      </c>
      <c r="E121" s="13">
        <v>88613.07</v>
      </c>
      <c r="F121" s="13">
        <v>12.01</v>
      </c>
      <c r="G121" s="12"/>
      <c r="H121" s="12"/>
      <c r="I121" s="12"/>
      <c r="J121" s="12"/>
      <c r="K121" s="12"/>
      <c r="L121" s="12"/>
      <c r="M121" s="12"/>
    </row>
    <row r="122" spans="1:13" x14ac:dyDescent="0.25">
      <c r="A122" s="3" t="s">
        <v>163</v>
      </c>
      <c r="B122" s="5" t="s">
        <v>1132</v>
      </c>
      <c r="C122" s="11">
        <v>332883900</v>
      </c>
      <c r="D122" s="11">
        <v>332883900</v>
      </c>
      <c r="E122" s="11">
        <v>149058371.00999999</v>
      </c>
      <c r="F122" s="11">
        <v>44.78</v>
      </c>
      <c r="G122" s="12"/>
      <c r="H122" s="12"/>
      <c r="I122" s="12"/>
      <c r="J122" s="12"/>
      <c r="K122" s="12"/>
      <c r="L122" s="12"/>
      <c r="M122" s="12"/>
    </row>
    <row r="123" spans="1:13" x14ac:dyDescent="0.25">
      <c r="C123" s="12"/>
      <c r="D123" s="12"/>
      <c r="E123" s="12"/>
      <c r="F123" s="12"/>
      <c r="G123" s="12"/>
      <c r="H123" s="12"/>
      <c r="I123" s="12"/>
      <c r="J123" s="12"/>
      <c r="K123" s="12"/>
      <c r="L123" s="12"/>
      <c r="M123" s="12"/>
    </row>
    <row r="124" spans="1:13" x14ac:dyDescent="0.25">
      <c r="A124" s="10" t="s">
        <v>6</v>
      </c>
      <c r="B124" s="10" t="s">
        <v>1133</v>
      </c>
      <c r="C124" s="14" t="s">
        <v>409</v>
      </c>
      <c r="D124" s="14" t="s">
        <v>626</v>
      </c>
      <c r="E124" s="14" t="s">
        <v>170</v>
      </c>
      <c r="F124" s="14" t="s">
        <v>7</v>
      </c>
      <c r="G124" s="14" t="s">
        <v>174</v>
      </c>
      <c r="H124" s="14" t="s">
        <v>7</v>
      </c>
      <c r="I124" s="14" t="s">
        <v>1052</v>
      </c>
      <c r="J124" s="14" t="s">
        <v>1052</v>
      </c>
      <c r="K124" s="12"/>
      <c r="L124" s="12"/>
      <c r="M124" s="12"/>
    </row>
    <row r="125" spans="1:13" ht="21" x14ac:dyDescent="0.25">
      <c r="A125" s="10" t="s">
        <v>7</v>
      </c>
      <c r="B125" s="10" t="s">
        <v>7</v>
      </c>
      <c r="C125" s="14" t="s">
        <v>7</v>
      </c>
      <c r="D125" s="14" t="s">
        <v>7</v>
      </c>
      <c r="E125" s="15" t="s">
        <v>414</v>
      </c>
      <c r="F125" s="15" t="s">
        <v>1049</v>
      </c>
      <c r="G125" s="15" t="s">
        <v>1050</v>
      </c>
      <c r="H125" s="15" t="s">
        <v>1051</v>
      </c>
      <c r="I125" s="15" t="s">
        <v>172</v>
      </c>
      <c r="J125" s="15" t="s">
        <v>1053</v>
      </c>
      <c r="K125" s="12"/>
      <c r="L125" s="12"/>
      <c r="M125" s="12"/>
    </row>
    <row r="126" spans="1:13" x14ac:dyDescent="0.25">
      <c r="A126" s="3" t="s">
        <v>165</v>
      </c>
      <c r="B126" s="5" t="s">
        <v>1134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  <c r="K126" s="12"/>
      <c r="L126" s="12"/>
      <c r="M126" s="12"/>
    </row>
    <row r="127" spans="1:13" x14ac:dyDescent="0.25">
      <c r="A127" s="2" t="s">
        <v>178</v>
      </c>
      <c r="B127" s="4" t="s">
        <v>1055</v>
      </c>
      <c r="C127" s="13">
        <v>0</v>
      </c>
      <c r="D127" s="13">
        <v>0</v>
      </c>
      <c r="E127" s="13">
        <v>0</v>
      </c>
      <c r="F127" s="13">
        <v>0</v>
      </c>
      <c r="G127" s="13">
        <v>0</v>
      </c>
      <c r="H127" s="13">
        <v>0</v>
      </c>
      <c r="I127" s="13">
        <v>0</v>
      </c>
      <c r="J127" s="13">
        <v>0</v>
      </c>
      <c r="K127" s="12"/>
      <c r="L127" s="12"/>
      <c r="M127" s="12"/>
    </row>
    <row r="128" spans="1:13" x14ac:dyDescent="0.25">
      <c r="A128" s="2" t="s">
        <v>180</v>
      </c>
      <c r="B128" s="4" t="s">
        <v>1056</v>
      </c>
      <c r="C128" s="13">
        <v>0</v>
      </c>
      <c r="D128" s="13">
        <v>0</v>
      </c>
      <c r="E128" s="13">
        <v>0</v>
      </c>
      <c r="F128" s="13">
        <v>0</v>
      </c>
      <c r="G128" s="13">
        <v>0</v>
      </c>
      <c r="H128" s="13">
        <v>0</v>
      </c>
      <c r="I128" s="13">
        <v>0</v>
      </c>
      <c r="J128" s="13">
        <v>0</v>
      </c>
      <c r="K128" s="12"/>
      <c r="L128" s="12"/>
      <c r="M128" s="12"/>
    </row>
    <row r="129" spans="1:13" x14ac:dyDescent="0.25">
      <c r="A129" s="3" t="s">
        <v>182</v>
      </c>
      <c r="B129" s="5" t="s">
        <v>1135</v>
      </c>
      <c r="C129" s="11">
        <v>280666300</v>
      </c>
      <c r="D129" s="11">
        <v>372082265.36000001</v>
      </c>
      <c r="E129" s="11">
        <v>204475824.08000001</v>
      </c>
      <c r="F129" s="11">
        <v>54.95</v>
      </c>
      <c r="G129" s="11">
        <v>149324638.58000001</v>
      </c>
      <c r="H129" s="11">
        <v>40.130000000000003</v>
      </c>
      <c r="I129" s="11">
        <v>148211857.91999999</v>
      </c>
      <c r="J129" s="11">
        <v>39.83</v>
      </c>
      <c r="K129" s="12"/>
      <c r="L129" s="12"/>
      <c r="M129" s="12"/>
    </row>
    <row r="130" spans="1:13" x14ac:dyDescent="0.25">
      <c r="A130" s="2" t="s">
        <v>184</v>
      </c>
      <c r="B130" s="4" t="s">
        <v>1055</v>
      </c>
      <c r="C130" s="13">
        <v>223861700</v>
      </c>
      <c r="D130" s="13">
        <v>290608452.10000002</v>
      </c>
      <c r="E130" s="13">
        <v>169845941.59999999</v>
      </c>
      <c r="F130" s="13">
        <v>58.44</v>
      </c>
      <c r="G130" s="13">
        <v>126657538.28</v>
      </c>
      <c r="H130" s="13">
        <v>43.58</v>
      </c>
      <c r="I130" s="13">
        <v>126314743.62</v>
      </c>
      <c r="J130" s="13">
        <v>43.47</v>
      </c>
      <c r="K130" s="12"/>
      <c r="L130" s="12"/>
      <c r="M130" s="12"/>
    </row>
    <row r="131" spans="1:13" x14ac:dyDescent="0.25">
      <c r="A131" s="2" t="s">
        <v>186</v>
      </c>
      <c r="B131" s="4" t="s">
        <v>1058</v>
      </c>
      <c r="C131" s="13">
        <v>56804600</v>
      </c>
      <c r="D131" s="13">
        <v>81473813.260000005</v>
      </c>
      <c r="E131" s="13">
        <v>34629882.479999997</v>
      </c>
      <c r="F131" s="13">
        <v>42.5</v>
      </c>
      <c r="G131" s="13">
        <v>22667100.300000001</v>
      </c>
      <c r="H131" s="13">
        <v>27.82</v>
      </c>
      <c r="I131" s="13">
        <v>21897114.300000001</v>
      </c>
      <c r="J131" s="13">
        <v>26.88</v>
      </c>
      <c r="K131" s="12"/>
      <c r="L131" s="12"/>
      <c r="M131" s="12"/>
    </row>
    <row r="132" spans="1:13" x14ac:dyDescent="0.25">
      <c r="A132" s="3" t="s">
        <v>188</v>
      </c>
      <c r="B132" s="5" t="s">
        <v>1136</v>
      </c>
      <c r="C132" s="11">
        <v>28053000</v>
      </c>
      <c r="D132" s="11">
        <v>33788080.890000001</v>
      </c>
      <c r="E132" s="11">
        <v>11984333.029999999</v>
      </c>
      <c r="F132" s="11">
        <v>35.47</v>
      </c>
      <c r="G132" s="11">
        <v>7376275.8799999999</v>
      </c>
      <c r="H132" s="11">
        <v>21.83</v>
      </c>
      <c r="I132" s="11">
        <v>7366161.4800000004</v>
      </c>
      <c r="J132" s="11">
        <v>21.8</v>
      </c>
      <c r="K132" s="12"/>
      <c r="L132" s="12"/>
      <c r="M132" s="12"/>
    </row>
    <row r="133" spans="1:13" x14ac:dyDescent="0.25">
      <c r="A133" s="2" t="s">
        <v>190</v>
      </c>
      <c r="B133" s="4" t="s">
        <v>1055</v>
      </c>
      <c r="C133" s="13">
        <v>28053000</v>
      </c>
      <c r="D133" s="13">
        <v>33788080.890000001</v>
      </c>
      <c r="E133" s="13">
        <v>11984333.029999999</v>
      </c>
      <c r="F133" s="13">
        <v>35.47</v>
      </c>
      <c r="G133" s="13">
        <v>7376275.8799999999</v>
      </c>
      <c r="H133" s="13">
        <v>21.83</v>
      </c>
      <c r="I133" s="13">
        <v>7366161.4800000004</v>
      </c>
      <c r="J133" s="13">
        <v>21.8</v>
      </c>
      <c r="K133" s="12"/>
      <c r="L133" s="12"/>
      <c r="M133" s="12"/>
    </row>
    <row r="134" spans="1:13" x14ac:dyDescent="0.25">
      <c r="A134" s="2" t="s">
        <v>192</v>
      </c>
      <c r="B134" s="4" t="s">
        <v>1058</v>
      </c>
      <c r="C134" s="13">
        <v>0</v>
      </c>
      <c r="D134" s="13">
        <v>0</v>
      </c>
      <c r="E134" s="13">
        <v>0</v>
      </c>
      <c r="F134" s="13">
        <v>0</v>
      </c>
      <c r="G134" s="13">
        <v>0</v>
      </c>
      <c r="H134" s="13">
        <v>0</v>
      </c>
      <c r="I134" s="13">
        <v>0</v>
      </c>
      <c r="J134" s="13">
        <v>0</v>
      </c>
      <c r="K134" s="12"/>
      <c r="L134" s="12"/>
      <c r="M134" s="12"/>
    </row>
    <row r="135" spans="1:13" x14ac:dyDescent="0.25">
      <c r="A135" s="3" t="s">
        <v>194</v>
      </c>
      <c r="B135" s="5" t="s">
        <v>1137</v>
      </c>
      <c r="C135" s="11">
        <v>3614000</v>
      </c>
      <c r="D135" s="11">
        <v>3197281</v>
      </c>
      <c r="E135" s="11">
        <v>824715.89</v>
      </c>
      <c r="F135" s="11">
        <v>25.79</v>
      </c>
      <c r="G135" s="11">
        <v>531288.31999999995</v>
      </c>
      <c r="H135" s="11">
        <v>16.62</v>
      </c>
      <c r="I135" s="11">
        <v>531288.31999999995</v>
      </c>
      <c r="J135" s="11">
        <v>16.62</v>
      </c>
      <c r="K135" s="12"/>
      <c r="L135" s="12"/>
      <c r="M135" s="12"/>
    </row>
    <row r="136" spans="1:13" x14ac:dyDescent="0.25">
      <c r="A136" s="2" t="s">
        <v>196</v>
      </c>
      <c r="B136" s="4" t="s">
        <v>1055</v>
      </c>
      <c r="C136" s="13">
        <v>3614000</v>
      </c>
      <c r="D136" s="13">
        <v>3197281</v>
      </c>
      <c r="E136" s="13">
        <v>824715.89</v>
      </c>
      <c r="F136" s="13">
        <v>25.79</v>
      </c>
      <c r="G136" s="13">
        <v>531288.31999999995</v>
      </c>
      <c r="H136" s="13">
        <v>16.62</v>
      </c>
      <c r="I136" s="13">
        <v>531288.31999999995</v>
      </c>
      <c r="J136" s="13">
        <v>16.62</v>
      </c>
      <c r="K136" s="12"/>
      <c r="L136" s="12"/>
      <c r="M136" s="12"/>
    </row>
    <row r="137" spans="1:13" x14ac:dyDescent="0.25">
      <c r="A137" s="2" t="s">
        <v>198</v>
      </c>
      <c r="B137" s="4" t="s">
        <v>1058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  <c r="I137" s="13">
        <v>0</v>
      </c>
      <c r="J137" s="13">
        <v>0</v>
      </c>
      <c r="K137" s="12"/>
      <c r="L137" s="12"/>
      <c r="M137" s="12"/>
    </row>
    <row r="138" spans="1:13" x14ac:dyDescent="0.25">
      <c r="A138" s="3" t="s">
        <v>200</v>
      </c>
      <c r="B138" s="5" t="s">
        <v>1138</v>
      </c>
      <c r="C138" s="11">
        <v>17227600</v>
      </c>
      <c r="D138" s="11">
        <v>17131927</v>
      </c>
      <c r="E138" s="11">
        <v>7610423.25</v>
      </c>
      <c r="F138" s="11">
        <v>44.42</v>
      </c>
      <c r="G138" s="11">
        <v>6022198.3200000003</v>
      </c>
      <c r="H138" s="11">
        <v>35.15</v>
      </c>
      <c r="I138" s="11">
        <v>6022198.3200000003</v>
      </c>
      <c r="J138" s="11">
        <v>35.15</v>
      </c>
      <c r="K138" s="12"/>
      <c r="L138" s="12"/>
      <c r="M138" s="12"/>
    </row>
    <row r="139" spans="1:13" x14ac:dyDescent="0.25">
      <c r="A139" s="2" t="s">
        <v>202</v>
      </c>
      <c r="B139" s="4" t="s">
        <v>1055</v>
      </c>
      <c r="C139" s="13">
        <v>15063100</v>
      </c>
      <c r="D139" s="13">
        <v>15542642</v>
      </c>
      <c r="E139" s="13">
        <v>7608998.3499999996</v>
      </c>
      <c r="F139" s="13">
        <v>48.96</v>
      </c>
      <c r="G139" s="13">
        <v>6020773.4199999999</v>
      </c>
      <c r="H139" s="13">
        <v>38.74</v>
      </c>
      <c r="I139" s="13">
        <v>6020773.4199999999</v>
      </c>
      <c r="J139" s="13">
        <v>38.74</v>
      </c>
      <c r="K139" s="12"/>
      <c r="L139" s="12"/>
      <c r="M139" s="12"/>
    </row>
    <row r="140" spans="1:13" x14ac:dyDescent="0.25">
      <c r="A140" s="2" t="s">
        <v>204</v>
      </c>
      <c r="B140" s="4" t="s">
        <v>1058</v>
      </c>
      <c r="C140" s="13">
        <v>2164500</v>
      </c>
      <c r="D140" s="13">
        <v>1589285</v>
      </c>
      <c r="E140" s="13">
        <v>1424.9</v>
      </c>
      <c r="F140" s="13">
        <v>0.09</v>
      </c>
      <c r="G140" s="13">
        <v>1424.9</v>
      </c>
      <c r="H140" s="13">
        <v>0.09</v>
      </c>
      <c r="I140" s="13">
        <v>1424.9</v>
      </c>
      <c r="J140" s="13">
        <v>0.09</v>
      </c>
      <c r="K140" s="12"/>
      <c r="L140" s="12"/>
      <c r="M140" s="12"/>
    </row>
    <row r="141" spans="1:13" x14ac:dyDescent="0.25">
      <c r="A141" s="3" t="s">
        <v>206</v>
      </c>
      <c r="B141" s="5" t="s">
        <v>1139</v>
      </c>
      <c r="C141" s="11">
        <v>567000</v>
      </c>
      <c r="D141" s="11">
        <v>567000</v>
      </c>
      <c r="E141" s="11">
        <v>296945.88</v>
      </c>
      <c r="F141" s="11">
        <v>52.37</v>
      </c>
      <c r="G141" s="11">
        <v>177592.71</v>
      </c>
      <c r="H141" s="11">
        <v>31.32</v>
      </c>
      <c r="I141" s="11">
        <v>174169.25</v>
      </c>
      <c r="J141" s="11">
        <v>30.72</v>
      </c>
      <c r="K141" s="12"/>
      <c r="L141" s="12"/>
      <c r="M141" s="12"/>
    </row>
    <row r="142" spans="1:13" x14ac:dyDescent="0.25">
      <c r="A142" s="2" t="s">
        <v>208</v>
      </c>
      <c r="B142" s="4" t="s">
        <v>1055</v>
      </c>
      <c r="C142" s="13">
        <v>567000</v>
      </c>
      <c r="D142" s="13">
        <v>567000</v>
      </c>
      <c r="E142" s="13">
        <v>296945.88</v>
      </c>
      <c r="F142" s="13">
        <v>52.37</v>
      </c>
      <c r="G142" s="13">
        <v>177592.71</v>
      </c>
      <c r="H142" s="13">
        <v>31.32</v>
      </c>
      <c r="I142" s="13">
        <v>174169.25</v>
      </c>
      <c r="J142" s="13">
        <v>30.72</v>
      </c>
      <c r="K142" s="12"/>
      <c r="L142" s="12"/>
      <c r="M142" s="12"/>
    </row>
    <row r="143" spans="1:13" x14ac:dyDescent="0.25">
      <c r="A143" s="2" t="s">
        <v>210</v>
      </c>
      <c r="B143" s="4" t="s">
        <v>1058</v>
      </c>
      <c r="C143" s="13">
        <v>0</v>
      </c>
      <c r="D143" s="13">
        <v>0</v>
      </c>
      <c r="E143" s="13">
        <v>0</v>
      </c>
      <c r="F143" s="13">
        <v>0</v>
      </c>
      <c r="G143" s="13">
        <v>0</v>
      </c>
      <c r="H143" s="13">
        <v>0</v>
      </c>
      <c r="I143" s="13">
        <v>0</v>
      </c>
      <c r="J143" s="13">
        <v>0</v>
      </c>
      <c r="K143" s="12"/>
      <c r="L143" s="12"/>
      <c r="M143" s="12"/>
    </row>
    <row r="144" spans="1:13" x14ac:dyDescent="0.25">
      <c r="A144" s="3" t="s">
        <v>212</v>
      </c>
      <c r="B144" s="5" t="s">
        <v>1140</v>
      </c>
      <c r="C144" s="11">
        <v>2756000</v>
      </c>
      <c r="D144" s="11">
        <v>2706000</v>
      </c>
      <c r="E144" s="11">
        <v>1451882.38</v>
      </c>
      <c r="F144" s="11">
        <v>53.65</v>
      </c>
      <c r="G144" s="11">
        <v>1240505.49</v>
      </c>
      <c r="H144" s="11">
        <v>45.84</v>
      </c>
      <c r="I144" s="11">
        <v>1240505.49</v>
      </c>
      <c r="J144" s="11">
        <v>45.84</v>
      </c>
      <c r="K144" s="12"/>
      <c r="L144" s="12"/>
      <c r="M144" s="12"/>
    </row>
    <row r="145" spans="1:13" x14ac:dyDescent="0.25">
      <c r="A145" s="2" t="s">
        <v>214</v>
      </c>
      <c r="B145" s="4" t="s">
        <v>1055</v>
      </c>
      <c r="C145" s="13">
        <v>2557000</v>
      </c>
      <c r="D145" s="13">
        <v>2407000</v>
      </c>
      <c r="E145" s="13">
        <v>1346892.38</v>
      </c>
      <c r="F145" s="13">
        <v>55.96</v>
      </c>
      <c r="G145" s="13">
        <v>1149075.49</v>
      </c>
      <c r="H145" s="13">
        <v>47.74</v>
      </c>
      <c r="I145" s="13">
        <v>1149075.49</v>
      </c>
      <c r="J145" s="13">
        <v>47.74</v>
      </c>
      <c r="K145" s="12"/>
      <c r="L145" s="12"/>
      <c r="M145" s="12"/>
    </row>
    <row r="146" spans="1:13" x14ac:dyDescent="0.25">
      <c r="A146" s="2" t="s">
        <v>216</v>
      </c>
      <c r="B146" s="4" t="s">
        <v>1058</v>
      </c>
      <c r="C146" s="13">
        <v>199000</v>
      </c>
      <c r="D146" s="13">
        <v>299000</v>
      </c>
      <c r="E146" s="13">
        <v>104990</v>
      </c>
      <c r="F146" s="13">
        <v>35.11</v>
      </c>
      <c r="G146" s="13">
        <v>91430</v>
      </c>
      <c r="H146" s="13">
        <v>30.58</v>
      </c>
      <c r="I146" s="13">
        <v>91430</v>
      </c>
      <c r="J146" s="13">
        <v>30.58</v>
      </c>
      <c r="K146" s="12"/>
      <c r="L146" s="12"/>
      <c r="M146" s="12"/>
    </row>
    <row r="147" spans="1:13" x14ac:dyDescent="0.25">
      <c r="A147" s="3" t="s">
        <v>217</v>
      </c>
      <c r="B147" s="5" t="s">
        <v>1141</v>
      </c>
      <c r="C147" s="11">
        <v>332883900</v>
      </c>
      <c r="D147" s="11">
        <v>429472554.25</v>
      </c>
      <c r="E147" s="11">
        <v>226644124.50999999</v>
      </c>
      <c r="F147" s="11">
        <v>52.77</v>
      </c>
      <c r="G147" s="11">
        <v>164672499.30000001</v>
      </c>
      <c r="H147" s="11">
        <v>38.340000000000003</v>
      </c>
      <c r="I147" s="11">
        <v>163546180.78</v>
      </c>
      <c r="J147" s="11">
        <v>38.08</v>
      </c>
      <c r="K147" s="12"/>
      <c r="L147" s="12"/>
      <c r="M147" s="12"/>
    </row>
    <row r="148" spans="1:13" x14ac:dyDescent="0.25">
      <c r="C148" s="12"/>
      <c r="D148" s="12"/>
      <c r="E148" s="12"/>
      <c r="F148" s="12"/>
      <c r="G148" s="12"/>
      <c r="H148" s="12"/>
      <c r="I148" s="12"/>
      <c r="J148" s="12"/>
      <c r="K148" s="12"/>
      <c r="L148" s="12"/>
      <c r="M148" s="12"/>
    </row>
    <row r="149" spans="1:13" x14ac:dyDescent="0.25">
      <c r="A149" s="10" t="s">
        <v>6</v>
      </c>
      <c r="B149" s="10" t="s">
        <v>1142</v>
      </c>
      <c r="C149" s="14" t="s">
        <v>409</v>
      </c>
      <c r="D149" s="14" t="s">
        <v>626</v>
      </c>
      <c r="E149" s="14" t="s">
        <v>170</v>
      </c>
      <c r="F149" s="14" t="s">
        <v>7</v>
      </c>
      <c r="G149" s="14" t="s">
        <v>174</v>
      </c>
      <c r="H149" s="14" t="s">
        <v>7</v>
      </c>
      <c r="I149" s="14" t="s">
        <v>1052</v>
      </c>
      <c r="J149" s="14" t="s">
        <v>1052</v>
      </c>
      <c r="K149" s="12"/>
      <c r="L149" s="12"/>
      <c r="M149" s="12"/>
    </row>
    <row r="150" spans="1:13" ht="21" x14ac:dyDescent="0.25">
      <c r="A150" s="10" t="s">
        <v>7</v>
      </c>
      <c r="B150" s="10" t="s">
        <v>7</v>
      </c>
      <c r="C150" s="14" t="s">
        <v>7</v>
      </c>
      <c r="D150" s="14" t="s">
        <v>7</v>
      </c>
      <c r="E150" s="15" t="s">
        <v>414</v>
      </c>
      <c r="F150" s="15" t="s">
        <v>1049</v>
      </c>
      <c r="G150" s="15" t="s">
        <v>1143</v>
      </c>
      <c r="H150" s="15" t="s">
        <v>1051</v>
      </c>
      <c r="I150" s="15" t="s">
        <v>172</v>
      </c>
      <c r="J150" s="15" t="s">
        <v>1053</v>
      </c>
      <c r="K150" s="12"/>
      <c r="L150" s="12"/>
      <c r="M150" s="12"/>
    </row>
    <row r="151" spans="1:13" x14ac:dyDescent="0.25">
      <c r="A151" s="2" t="s">
        <v>218</v>
      </c>
      <c r="B151" s="4" t="s">
        <v>1144</v>
      </c>
      <c r="C151" s="13">
        <v>69740000</v>
      </c>
      <c r="D151" s="13">
        <v>60210500</v>
      </c>
      <c r="E151" s="13">
        <v>48894364.18</v>
      </c>
      <c r="F151" s="13">
        <v>81.209999999999994</v>
      </c>
      <c r="G151" s="13">
        <v>34445029.740000002</v>
      </c>
      <c r="H151" s="13">
        <v>57.21</v>
      </c>
      <c r="I151" s="13">
        <v>34445029.68</v>
      </c>
      <c r="J151" s="13">
        <v>57.21</v>
      </c>
      <c r="K151" s="12"/>
      <c r="L151" s="12"/>
      <c r="M151" s="12"/>
    </row>
    <row r="152" spans="1:13" x14ac:dyDescent="0.25">
      <c r="A152" s="2" t="s">
        <v>220</v>
      </c>
      <c r="B152" s="4" t="s">
        <v>1145</v>
      </c>
      <c r="C152" s="13">
        <v>1205835300</v>
      </c>
      <c r="D152" s="13">
        <v>1290420290.3599999</v>
      </c>
      <c r="E152" s="13">
        <v>937822168.04999995</v>
      </c>
      <c r="F152" s="13">
        <v>72.680000000000007</v>
      </c>
      <c r="G152" s="13">
        <v>727207317.01999998</v>
      </c>
      <c r="H152" s="13">
        <v>56.35</v>
      </c>
      <c r="I152" s="13">
        <v>722545152.91999996</v>
      </c>
      <c r="J152" s="13">
        <v>55.99</v>
      </c>
      <c r="K152" s="12"/>
      <c r="L152" s="12"/>
      <c r="M152" s="12"/>
    </row>
    <row r="153" spans="1:13" x14ac:dyDescent="0.25">
      <c r="A153" s="2" t="s">
        <v>222</v>
      </c>
      <c r="B153" s="4" t="s">
        <v>1146</v>
      </c>
      <c r="C153" s="13">
        <v>82254000</v>
      </c>
      <c r="D153" s="13">
        <v>120936280.89</v>
      </c>
      <c r="E153" s="13">
        <v>65656971.759999998</v>
      </c>
      <c r="F153" s="13">
        <v>54.29</v>
      </c>
      <c r="G153" s="13">
        <v>44983778.090000004</v>
      </c>
      <c r="H153" s="13">
        <v>37.200000000000003</v>
      </c>
      <c r="I153" s="13">
        <v>41893681.82</v>
      </c>
      <c r="J153" s="13">
        <v>34.64</v>
      </c>
      <c r="K153" s="12"/>
      <c r="L153" s="12"/>
      <c r="M153" s="12"/>
    </row>
    <row r="154" spans="1:13" x14ac:dyDescent="0.25">
      <c r="A154" s="2" t="s">
        <v>224</v>
      </c>
      <c r="B154" s="4" t="s">
        <v>1147</v>
      </c>
      <c r="C154" s="13">
        <v>4114000</v>
      </c>
      <c r="D154" s="13">
        <v>3697281</v>
      </c>
      <c r="E154" s="13">
        <v>1203506.45</v>
      </c>
      <c r="F154" s="13">
        <v>32.549999999999997</v>
      </c>
      <c r="G154" s="13">
        <v>657551.84</v>
      </c>
      <c r="H154" s="13">
        <v>17.78</v>
      </c>
      <c r="I154" s="13">
        <v>657551.84</v>
      </c>
      <c r="J154" s="13">
        <v>17.78</v>
      </c>
      <c r="K154" s="12"/>
      <c r="L154" s="12"/>
      <c r="M154" s="12"/>
    </row>
    <row r="155" spans="1:13" x14ac:dyDescent="0.25">
      <c r="A155" s="2" t="s">
        <v>227</v>
      </c>
      <c r="B155" s="4" t="s">
        <v>1148</v>
      </c>
      <c r="C155" s="13">
        <v>38063600</v>
      </c>
      <c r="D155" s="13">
        <v>70333527</v>
      </c>
      <c r="E155" s="13">
        <v>54327842.009999998</v>
      </c>
      <c r="F155" s="13">
        <v>77.239999999999995</v>
      </c>
      <c r="G155" s="13">
        <v>46035421.460000001</v>
      </c>
      <c r="H155" s="13">
        <v>77.239999999999995</v>
      </c>
      <c r="I155" s="13">
        <v>43859588.060000002</v>
      </c>
      <c r="J155" s="13">
        <v>77.239999999999995</v>
      </c>
      <c r="K155" s="12"/>
      <c r="L155" s="12"/>
      <c r="M155" s="12"/>
    </row>
    <row r="156" spans="1:13" x14ac:dyDescent="0.25">
      <c r="A156" s="2" t="s">
        <v>229</v>
      </c>
      <c r="B156" s="4" t="s">
        <v>1149</v>
      </c>
      <c r="C156" s="13">
        <v>42773000</v>
      </c>
      <c r="D156" s="13">
        <v>42773000</v>
      </c>
      <c r="E156" s="13">
        <v>32139835.079999998</v>
      </c>
      <c r="F156" s="13">
        <v>75.14</v>
      </c>
      <c r="G156" s="13">
        <v>27763949.789999999</v>
      </c>
      <c r="H156" s="13">
        <v>64.91</v>
      </c>
      <c r="I156" s="13">
        <v>27760526.329999998</v>
      </c>
      <c r="J156" s="13">
        <v>64.900000000000006</v>
      </c>
      <c r="K156" s="12"/>
      <c r="L156" s="12"/>
      <c r="M156" s="12"/>
    </row>
    <row r="157" spans="1:13" x14ac:dyDescent="0.25">
      <c r="A157" s="2" t="s">
        <v>231</v>
      </c>
      <c r="B157" s="4" t="s">
        <v>1150</v>
      </c>
      <c r="C157" s="13">
        <v>379966900</v>
      </c>
      <c r="D157" s="13">
        <v>530664184</v>
      </c>
      <c r="E157" s="13">
        <v>465436660.14999998</v>
      </c>
      <c r="F157" s="13">
        <v>87.71</v>
      </c>
      <c r="G157" s="13">
        <v>403278828.01999998</v>
      </c>
      <c r="H157" s="13">
        <v>76</v>
      </c>
      <c r="I157" s="13">
        <v>370362542.32999998</v>
      </c>
      <c r="J157" s="13">
        <v>69.790000000000006</v>
      </c>
      <c r="K157" s="12"/>
      <c r="L157" s="12"/>
      <c r="M157" s="12"/>
    </row>
    <row r="158" spans="1:13" x14ac:dyDescent="0.25">
      <c r="A158" s="2" t="s">
        <v>233</v>
      </c>
      <c r="B158" s="4" t="s">
        <v>1151</v>
      </c>
      <c r="C158" s="13">
        <v>1822746800</v>
      </c>
      <c r="D158" s="13">
        <v>2119035063.25</v>
      </c>
      <c r="E158" s="13">
        <v>1605481347.6800001</v>
      </c>
      <c r="F158" s="13">
        <v>75.760000000000005</v>
      </c>
      <c r="G158" s="13">
        <v>1284371875.96</v>
      </c>
      <c r="H158" s="13">
        <v>60.61</v>
      </c>
      <c r="I158" s="13">
        <v>1241524072.98</v>
      </c>
      <c r="J158" s="13">
        <v>58.59</v>
      </c>
      <c r="K158" s="12"/>
      <c r="L158" s="12"/>
      <c r="M158" s="12"/>
    </row>
    <row r="159" spans="1:13" x14ac:dyDescent="0.25">
      <c r="A159" s="2" t="s">
        <v>235</v>
      </c>
      <c r="B159" s="4" t="s">
        <v>1152</v>
      </c>
      <c r="C159" s="13">
        <v>332883900</v>
      </c>
      <c r="D159" s="13">
        <v>429472554.25</v>
      </c>
      <c r="E159" s="13">
        <v>226644124.50999999</v>
      </c>
      <c r="F159" s="13">
        <v>52.77</v>
      </c>
      <c r="G159" s="13">
        <v>164672499.30000001</v>
      </c>
      <c r="H159" s="13">
        <v>38.340000000000003</v>
      </c>
      <c r="I159" s="13">
        <v>163546180.78</v>
      </c>
      <c r="J159" s="13">
        <v>38.08</v>
      </c>
      <c r="K159" s="12"/>
      <c r="L159" s="12"/>
      <c r="M159" s="12"/>
    </row>
    <row r="160" spans="1:13" x14ac:dyDescent="0.25">
      <c r="A160" s="2" t="s">
        <v>237</v>
      </c>
      <c r="B160" s="4" t="s">
        <v>1153</v>
      </c>
      <c r="C160" s="13">
        <v>1489862900</v>
      </c>
      <c r="D160" s="13">
        <v>1689562509</v>
      </c>
      <c r="E160" s="13">
        <v>1378837223.1700001</v>
      </c>
      <c r="F160" s="13">
        <v>81.61</v>
      </c>
      <c r="G160" s="13">
        <v>1119699376.6600001</v>
      </c>
      <c r="H160" s="13">
        <v>66.27</v>
      </c>
      <c r="I160" s="13">
        <v>1077977892.2</v>
      </c>
      <c r="J160" s="13">
        <v>63.8</v>
      </c>
      <c r="K160" s="12"/>
      <c r="L160" s="12"/>
      <c r="M160" s="12"/>
    </row>
    <row r="161" spans="3:13" x14ac:dyDescent="0.25">
      <c r="C161" s="12"/>
      <c r="D161" s="12"/>
      <c r="E161" s="12"/>
      <c r="F161" s="12"/>
      <c r="G161" s="12"/>
      <c r="H161" s="12"/>
      <c r="I161" s="12"/>
      <c r="J161" s="12"/>
      <c r="K161" s="12"/>
      <c r="L161" s="12"/>
      <c r="M161" s="12"/>
    </row>
    <row r="162" spans="3:13" x14ac:dyDescent="0.25">
      <c r="C162" s="12"/>
      <c r="D162" s="12"/>
      <c r="E162" s="12"/>
      <c r="F162" s="12"/>
      <c r="G162" s="12"/>
      <c r="H162" s="12"/>
      <c r="I162" s="12"/>
      <c r="J162" s="12"/>
      <c r="K162" s="12"/>
      <c r="L162" s="12"/>
      <c r="M162" s="12"/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48"/>
  <sheetViews>
    <sheetView showGridLines="0" workbookViewId="0">
      <selection activeCell="C12" sqref="C12:I48"/>
    </sheetView>
  </sheetViews>
  <sheetFormatPr defaultRowHeight="15" x14ac:dyDescent="0.25"/>
  <cols>
    <col min="1" max="1" width="2.7109375" bestFit="1" customWidth="1"/>
    <col min="2" max="2" width="84.140625" bestFit="1" customWidth="1"/>
    <col min="3" max="4" width="14.85546875" bestFit="1" customWidth="1"/>
    <col min="5" max="5" width="11" bestFit="1" customWidth="1"/>
    <col min="6" max="6" width="14.85546875" bestFit="1" customWidth="1"/>
    <col min="7" max="7" width="9.28515625" bestFit="1" customWidth="1"/>
    <col min="8" max="8" width="14.85546875" bestFit="1" customWidth="1"/>
    <col min="9" max="9" width="9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154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1155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1156</v>
      </c>
      <c r="C10" s="10" t="s">
        <v>1004</v>
      </c>
      <c r="D10" s="10" t="s">
        <v>170</v>
      </c>
      <c r="E10" s="10" t="s">
        <v>7</v>
      </c>
      <c r="F10" s="10" t="s">
        <v>174</v>
      </c>
      <c r="G10" s="10" t="s">
        <v>7</v>
      </c>
      <c r="H10" s="10" t="s">
        <v>1052</v>
      </c>
      <c r="I10" s="10" t="s">
        <v>1052</v>
      </c>
    </row>
    <row r="11" spans="1:9" ht="31.5" x14ac:dyDescent="0.25">
      <c r="A11" s="10" t="s">
        <v>7</v>
      </c>
      <c r="B11" s="10" t="s">
        <v>7</v>
      </c>
      <c r="C11" s="10" t="s">
        <v>7</v>
      </c>
      <c r="D11" s="1" t="s">
        <v>411</v>
      </c>
      <c r="E11" s="1" t="s">
        <v>1024</v>
      </c>
      <c r="F11" s="1" t="s">
        <v>14</v>
      </c>
      <c r="G11" s="1" t="s">
        <v>1157</v>
      </c>
      <c r="H11" s="1" t="s">
        <v>414</v>
      </c>
      <c r="I11" s="1" t="s">
        <v>1158</v>
      </c>
    </row>
    <row r="12" spans="1:9" x14ac:dyDescent="0.25">
      <c r="A12" s="3" t="s">
        <v>17</v>
      </c>
      <c r="B12" s="5" t="s">
        <v>1159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  <c r="H12" s="11">
        <v>0</v>
      </c>
      <c r="I12" s="11">
        <v>0</v>
      </c>
    </row>
    <row r="13" spans="1:9" x14ac:dyDescent="0.25">
      <c r="A13" s="2" t="s">
        <v>19</v>
      </c>
      <c r="B13" s="4" t="s">
        <v>1160</v>
      </c>
      <c r="C13" s="13">
        <v>0</v>
      </c>
      <c r="D13" s="13">
        <v>0</v>
      </c>
      <c r="E13" s="13">
        <v>0</v>
      </c>
      <c r="F13" s="13">
        <v>0</v>
      </c>
      <c r="G13" s="13">
        <v>0</v>
      </c>
      <c r="H13" s="13">
        <v>0</v>
      </c>
      <c r="I13" s="13">
        <v>0</v>
      </c>
    </row>
    <row r="14" spans="1:9" x14ac:dyDescent="0.25">
      <c r="A14" s="2" t="s">
        <v>21</v>
      </c>
      <c r="B14" s="4" t="s">
        <v>1161</v>
      </c>
      <c r="C14" s="13">
        <v>0</v>
      </c>
      <c r="D14" s="13">
        <v>0</v>
      </c>
      <c r="E14" s="13">
        <v>0</v>
      </c>
      <c r="F14" s="13">
        <v>0</v>
      </c>
      <c r="G14" s="13">
        <v>0</v>
      </c>
      <c r="H14" s="13">
        <v>0</v>
      </c>
      <c r="I14" s="13">
        <v>0</v>
      </c>
    </row>
    <row r="15" spans="1:9" x14ac:dyDescent="0.25">
      <c r="A15" s="3" t="s">
        <v>23</v>
      </c>
      <c r="B15" s="5" t="s">
        <v>1162</v>
      </c>
      <c r="C15" s="11">
        <v>0</v>
      </c>
      <c r="D15" s="11">
        <v>0</v>
      </c>
      <c r="E15" s="11">
        <v>0</v>
      </c>
      <c r="F15" s="11">
        <v>0</v>
      </c>
      <c r="G15" s="11">
        <v>0</v>
      </c>
      <c r="H15" s="11">
        <v>0</v>
      </c>
      <c r="I15" s="11">
        <v>0</v>
      </c>
    </row>
    <row r="16" spans="1:9" x14ac:dyDescent="0.25">
      <c r="A16" s="2" t="s">
        <v>25</v>
      </c>
      <c r="B16" s="4" t="s">
        <v>1160</v>
      </c>
      <c r="C16" s="13">
        <v>0</v>
      </c>
      <c r="D16" s="13">
        <v>0</v>
      </c>
      <c r="E16" s="13">
        <v>0</v>
      </c>
      <c r="F16" s="13">
        <v>0</v>
      </c>
      <c r="G16" s="13">
        <v>0</v>
      </c>
      <c r="H16" s="13">
        <v>0</v>
      </c>
      <c r="I16" s="13">
        <v>0</v>
      </c>
    </row>
    <row r="17" spans="1:9" x14ac:dyDescent="0.25">
      <c r="A17" s="2" t="s">
        <v>27</v>
      </c>
      <c r="B17" s="4" t="s">
        <v>1163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</row>
    <row r="18" spans="1:9" x14ac:dyDescent="0.25">
      <c r="A18" s="3" t="s">
        <v>29</v>
      </c>
      <c r="B18" s="5" t="s">
        <v>1164</v>
      </c>
      <c r="C18" s="11">
        <v>1968411.46</v>
      </c>
      <c r="D18" s="11">
        <v>1968411.46</v>
      </c>
      <c r="E18" s="11">
        <v>100</v>
      </c>
      <c r="F18" s="11">
        <v>1968411.46</v>
      </c>
      <c r="G18" s="11">
        <v>100</v>
      </c>
      <c r="H18" s="11">
        <v>1968411.46</v>
      </c>
      <c r="I18" s="11">
        <v>100</v>
      </c>
    </row>
    <row r="19" spans="1:9" x14ac:dyDescent="0.25">
      <c r="A19" s="2" t="s">
        <v>31</v>
      </c>
      <c r="B19" s="4" t="s">
        <v>1160</v>
      </c>
      <c r="C19" s="13">
        <v>1968411.46</v>
      </c>
      <c r="D19" s="13">
        <v>1968411.46</v>
      </c>
      <c r="E19" s="13">
        <v>100</v>
      </c>
      <c r="F19" s="13">
        <v>1968411.46</v>
      </c>
      <c r="G19" s="13">
        <v>100</v>
      </c>
      <c r="H19" s="13">
        <v>1968411.46</v>
      </c>
      <c r="I19" s="13">
        <v>100</v>
      </c>
    </row>
    <row r="20" spans="1:9" x14ac:dyDescent="0.25">
      <c r="A20" s="2" t="s">
        <v>33</v>
      </c>
      <c r="B20" s="4" t="s">
        <v>1163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  <c r="I20" s="13">
        <v>0</v>
      </c>
    </row>
    <row r="21" spans="1:9" x14ac:dyDescent="0.25">
      <c r="A21" s="3" t="s">
        <v>35</v>
      </c>
      <c r="B21" s="5" t="s">
        <v>1165</v>
      </c>
      <c r="C21" s="11">
        <v>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0</v>
      </c>
    </row>
    <row r="22" spans="1:9" x14ac:dyDescent="0.25">
      <c r="A22" s="2" t="s">
        <v>37</v>
      </c>
      <c r="B22" s="4" t="s">
        <v>1160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  <c r="H22" s="13">
        <v>0</v>
      </c>
      <c r="I22" s="13">
        <v>0</v>
      </c>
    </row>
    <row r="23" spans="1:9" x14ac:dyDescent="0.25">
      <c r="A23" s="2" t="s">
        <v>39</v>
      </c>
      <c r="B23" s="4" t="s">
        <v>1161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0</v>
      </c>
    </row>
    <row r="24" spans="1:9" x14ac:dyDescent="0.25">
      <c r="A24" s="3" t="s">
        <v>41</v>
      </c>
      <c r="B24" s="5" t="s">
        <v>1166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</row>
    <row r="25" spans="1:9" x14ac:dyDescent="0.25">
      <c r="A25" s="2" t="s">
        <v>43</v>
      </c>
      <c r="B25" s="4" t="s">
        <v>1160</v>
      </c>
      <c r="C25" s="13">
        <v>0</v>
      </c>
      <c r="D25" s="13">
        <v>0</v>
      </c>
      <c r="E25" s="13">
        <v>0</v>
      </c>
      <c r="F25" s="13">
        <v>0</v>
      </c>
      <c r="G25" s="13">
        <v>0</v>
      </c>
      <c r="H25" s="13">
        <v>0</v>
      </c>
      <c r="I25" s="13">
        <v>0</v>
      </c>
    </row>
    <row r="26" spans="1:9" x14ac:dyDescent="0.25">
      <c r="A26" s="2" t="s">
        <v>45</v>
      </c>
      <c r="B26" s="4" t="s">
        <v>1161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  <c r="H26" s="13">
        <v>0</v>
      </c>
      <c r="I26" s="13">
        <v>0</v>
      </c>
    </row>
    <row r="27" spans="1:9" x14ac:dyDescent="0.25">
      <c r="A27" s="3" t="s">
        <v>47</v>
      </c>
      <c r="B27" s="5" t="s">
        <v>1167</v>
      </c>
      <c r="C27" s="11">
        <v>0</v>
      </c>
      <c r="D27" s="11">
        <v>0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</row>
    <row r="28" spans="1:9" x14ac:dyDescent="0.25">
      <c r="A28" s="2" t="s">
        <v>49</v>
      </c>
      <c r="B28" s="4" t="s">
        <v>1168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</row>
    <row r="29" spans="1:9" x14ac:dyDescent="0.25">
      <c r="A29" s="2" t="s">
        <v>51</v>
      </c>
      <c r="B29" s="4" t="s">
        <v>1161</v>
      </c>
      <c r="C29" s="13">
        <v>0</v>
      </c>
      <c r="D29" s="13">
        <v>0</v>
      </c>
      <c r="E29" s="13">
        <v>0</v>
      </c>
      <c r="F29" s="13">
        <v>0</v>
      </c>
      <c r="G29" s="13">
        <v>0</v>
      </c>
      <c r="H29" s="13">
        <v>0</v>
      </c>
      <c r="I29" s="13">
        <v>0</v>
      </c>
    </row>
    <row r="30" spans="1:9" x14ac:dyDescent="0.25">
      <c r="A30" s="3" t="s">
        <v>53</v>
      </c>
      <c r="B30" s="5" t="s">
        <v>1169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</row>
    <row r="31" spans="1:9" x14ac:dyDescent="0.25">
      <c r="A31" s="2" t="s">
        <v>55</v>
      </c>
      <c r="B31" s="4" t="s">
        <v>1160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</row>
    <row r="32" spans="1:9" x14ac:dyDescent="0.25">
      <c r="A32" s="2" t="s">
        <v>57</v>
      </c>
      <c r="B32" s="4" t="s">
        <v>1161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</row>
    <row r="33" spans="1:9" x14ac:dyDescent="0.25">
      <c r="A33" s="3" t="s">
        <v>59</v>
      </c>
      <c r="B33" s="5" t="s">
        <v>1170</v>
      </c>
      <c r="C33" s="11">
        <v>1968411.46</v>
      </c>
      <c r="D33" s="11">
        <v>1968411.46</v>
      </c>
      <c r="E33" s="11">
        <v>100</v>
      </c>
      <c r="F33" s="11">
        <v>1968411.46</v>
      </c>
      <c r="G33" s="11">
        <v>100</v>
      </c>
      <c r="H33" s="11">
        <v>1968411.46</v>
      </c>
      <c r="I33" s="11">
        <v>100</v>
      </c>
    </row>
    <row r="34" spans="1:9" x14ac:dyDescent="0.25">
      <c r="C34" s="12"/>
      <c r="D34" s="12"/>
      <c r="E34" s="12"/>
      <c r="F34" s="12"/>
      <c r="G34" s="12"/>
      <c r="H34" s="12"/>
      <c r="I34" s="12"/>
    </row>
    <row r="35" spans="1:9" x14ac:dyDescent="0.25">
      <c r="A35" s="10" t="s">
        <v>6</v>
      </c>
      <c r="B35" s="10" t="s">
        <v>1171</v>
      </c>
      <c r="C35" s="14" t="s">
        <v>1066</v>
      </c>
      <c r="D35" s="14" t="s">
        <v>1067</v>
      </c>
      <c r="E35" s="14" t="s">
        <v>1068</v>
      </c>
      <c r="F35" s="12"/>
      <c r="G35" s="12"/>
      <c r="H35" s="12"/>
      <c r="I35" s="12"/>
    </row>
    <row r="36" spans="1:9" x14ac:dyDescent="0.25">
      <c r="A36" s="10" t="s">
        <v>7</v>
      </c>
      <c r="B36" s="10" t="s">
        <v>7</v>
      </c>
      <c r="C36" s="14" t="s">
        <v>7</v>
      </c>
      <c r="D36" s="14" t="s">
        <v>7</v>
      </c>
      <c r="E36" s="14" t="s">
        <v>7</v>
      </c>
      <c r="F36" s="12"/>
      <c r="G36" s="12"/>
      <c r="H36" s="12"/>
      <c r="I36" s="12"/>
    </row>
    <row r="37" spans="1:9" x14ac:dyDescent="0.25">
      <c r="A37" s="2" t="s">
        <v>61</v>
      </c>
      <c r="B37" s="4" t="s">
        <v>1172</v>
      </c>
      <c r="C37" s="13">
        <v>0</v>
      </c>
      <c r="D37" s="13">
        <v>0</v>
      </c>
      <c r="E37" s="13">
        <v>0</v>
      </c>
      <c r="F37" s="12"/>
      <c r="G37" s="12"/>
      <c r="H37" s="12"/>
      <c r="I37" s="12"/>
    </row>
    <row r="38" spans="1:9" x14ac:dyDescent="0.25">
      <c r="A38" s="2" t="s">
        <v>63</v>
      </c>
      <c r="B38" s="4" t="s">
        <v>1173</v>
      </c>
      <c r="C38" s="13">
        <v>0</v>
      </c>
      <c r="D38" s="13">
        <v>0</v>
      </c>
      <c r="E38" s="13">
        <v>0</v>
      </c>
      <c r="F38" s="12"/>
      <c r="G38" s="12"/>
      <c r="H38" s="12"/>
      <c r="I38" s="12"/>
    </row>
    <row r="39" spans="1:9" x14ac:dyDescent="0.25">
      <c r="A39" s="2" t="s">
        <v>65</v>
      </c>
      <c r="B39" s="4" t="s">
        <v>1174</v>
      </c>
      <c r="C39" s="13">
        <v>0</v>
      </c>
      <c r="D39" s="13">
        <v>0</v>
      </c>
      <c r="E39" s="13">
        <v>0</v>
      </c>
      <c r="F39" s="12"/>
      <c r="G39" s="12"/>
      <c r="H39" s="12"/>
      <c r="I39" s="12"/>
    </row>
    <row r="40" spans="1:9" x14ac:dyDescent="0.25">
      <c r="A40" s="2" t="s">
        <v>67</v>
      </c>
      <c r="B40" s="4" t="s">
        <v>1175</v>
      </c>
      <c r="C40" s="13">
        <v>0</v>
      </c>
      <c r="D40" s="13">
        <v>0</v>
      </c>
      <c r="E40" s="13">
        <v>0</v>
      </c>
      <c r="F40" s="12"/>
      <c r="G40" s="12"/>
      <c r="H40" s="12"/>
      <c r="I40" s="12"/>
    </row>
    <row r="41" spans="1:9" x14ac:dyDescent="0.25">
      <c r="C41" s="12"/>
      <c r="D41" s="12"/>
      <c r="E41" s="12"/>
      <c r="F41" s="12"/>
      <c r="G41" s="12"/>
      <c r="H41" s="12"/>
      <c r="I41" s="12"/>
    </row>
    <row r="42" spans="1:9" x14ac:dyDescent="0.25">
      <c r="C42" s="12"/>
      <c r="D42" s="12"/>
      <c r="E42" s="12"/>
      <c r="F42" s="12"/>
      <c r="G42" s="12"/>
      <c r="H42" s="12"/>
      <c r="I42" s="12"/>
    </row>
    <row r="43" spans="1:9" x14ac:dyDescent="0.25">
      <c r="C43" s="12"/>
      <c r="D43" s="12"/>
      <c r="E43" s="12"/>
      <c r="F43" s="12"/>
      <c r="G43" s="12"/>
      <c r="H43" s="12"/>
      <c r="I43" s="12"/>
    </row>
    <row r="44" spans="1:9" x14ac:dyDescent="0.25">
      <c r="C44" s="12"/>
      <c r="D44" s="12"/>
      <c r="E44" s="12"/>
      <c r="F44" s="12"/>
      <c r="G44" s="12"/>
      <c r="H44" s="12"/>
      <c r="I44" s="12"/>
    </row>
    <row r="45" spans="1:9" x14ac:dyDescent="0.25">
      <c r="C45" s="12"/>
      <c r="D45" s="12"/>
      <c r="E45" s="12"/>
      <c r="F45" s="12"/>
      <c r="G45" s="12"/>
      <c r="H45" s="12"/>
      <c r="I45" s="12"/>
    </row>
    <row r="46" spans="1:9" x14ac:dyDescent="0.25">
      <c r="C46" s="12"/>
      <c r="D46" s="12"/>
      <c r="E46" s="12"/>
      <c r="F46" s="12"/>
      <c r="G46" s="12"/>
      <c r="H46" s="12"/>
      <c r="I46" s="12"/>
    </row>
    <row r="47" spans="1:9" x14ac:dyDescent="0.25">
      <c r="C47" s="12"/>
      <c r="D47" s="12"/>
      <c r="E47" s="12"/>
      <c r="F47" s="12"/>
      <c r="G47" s="12"/>
      <c r="H47" s="12"/>
      <c r="I47" s="12"/>
    </row>
    <row r="48" spans="1:9" x14ac:dyDescent="0.25">
      <c r="C48" s="12"/>
      <c r="D48" s="12"/>
      <c r="E48" s="12"/>
      <c r="F48" s="12"/>
      <c r="G48" s="12"/>
      <c r="H48" s="12"/>
      <c r="I48" s="12"/>
    </row>
  </sheetData>
  <mergeCells count="17">
    <mergeCell ref="A35:A36"/>
    <mergeCell ref="B35:B36"/>
    <mergeCell ref="C35:C36"/>
    <mergeCell ref="D35:D36"/>
    <mergeCell ref="E35:E36"/>
    <mergeCell ref="A9:I9"/>
    <mergeCell ref="A10:A11"/>
    <mergeCell ref="B10:B11"/>
    <mergeCell ref="C10:C11"/>
    <mergeCell ref="D10:E10"/>
    <mergeCell ref="F10:G10"/>
    <mergeCell ref="H10:I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35"/>
  <sheetViews>
    <sheetView showGridLines="0" workbookViewId="0">
      <selection activeCell="C12" sqref="C12:N35"/>
    </sheetView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13" width="9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4" x14ac:dyDescent="0.25">
      <c r="A5" s="8" t="s">
        <v>117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4" x14ac:dyDescent="0.25">
      <c r="A9" s="9" t="s">
        <v>117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4" ht="21" x14ac:dyDescent="0.25">
      <c r="A10" s="10" t="s">
        <v>6</v>
      </c>
      <c r="B10" s="10" t="s">
        <v>1178</v>
      </c>
      <c r="C10" s="10" t="s">
        <v>1179</v>
      </c>
      <c r="D10" s="1" t="s">
        <v>1180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1181</v>
      </c>
    </row>
    <row r="12" spans="1:14" x14ac:dyDescent="0.25">
      <c r="A12" s="3" t="s">
        <v>17</v>
      </c>
      <c r="B12" s="5" t="s">
        <v>1182</v>
      </c>
      <c r="C12" s="11">
        <v>0</v>
      </c>
      <c r="D12" s="11">
        <v>0</v>
      </c>
      <c r="E12" s="12"/>
      <c r="F12" s="12"/>
      <c r="G12" s="12"/>
      <c r="H12" s="12"/>
      <c r="I12" s="12"/>
      <c r="J12" s="12"/>
      <c r="K12" s="12"/>
      <c r="L12" s="12"/>
      <c r="M12" s="12"/>
      <c r="N12" s="12"/>
    </row>
    <row r="13" spans="1:14" x14ac:dyDescent="0.25">
      <c r="A13" s="2" t="s">
        <v>19</v>
      </c>
      <c r="B13" s="4" t="s">
        <v>1183</v>
      </c>
      <c r="C13" s="13">
        <v>0</v>
      </c>
      <c r="D13" s="13">
        <v>0</v>
      </c>
      <c r="E13" s="12"/>
      <c r="F13" s="12"/>
      <c r="G13" s="12"/>
      <c r="H13" s="12"/>
      <c r="I13" s="12"/>
      <c r="J13" s="12"/>
      <c r="K13" s="12"/>
      <c r="L13" s="12"/>
      <c r="M13" s="12"/>
      <c r="N13" s="12"/>
    </row>
    <row r="14" spans="1:14" x14ac:dyDescent="0.25">
      <c r="A14" s="3" t="s">
        <v>21</v>
      </c>
      <c r="B14" s="5" t="s">
        <v>1184</v>
      </c>
      <c r="C14" s="11">
        <v>0</v>
      </c>
      <c r="D14" s="11">
        <v>0</v>
      </c>
      <c r="E14" s="12"/>
      <c r="F14" s="12"/>
      <c r="G14" s="12"/>
      <c r="H14" s="12"/>
      <c r="I14" s="12"/>
      <c r="J14" s="12"/>
      <c r="K14" s="12"/>
      <c r="L14" s="12"/>
      <c r="M14" s="12"/>
      <c r="N14" s="12"/>
    </row>
    <row r="15" spans="1:14" x14ac:dyDescent="0.25">
      <c r="A15" s="2" t="s">
        <v>23</v>
      </c>
      <c r="B15" s="4" t="s">
        <v>1185</v>
      </c>
      <c r="C15" s="13">
        <v>0</v>
      </c>
      <c r="D15" s="13">
        <v>0</v>
      </c>
      <c r="E15" s="12"/>
      <c r="F15" s="12"/>
      <c r="G15" s="12"/>
      <c r="H15" s="12"/>
      <c r="I15" s="12"/>
      <c r="J15" s="12"/>
      <c r="K15" s="12"/>
      <c r="L15" s="12"/>
      <c r="M15" s="12"/>
      <c r="N15" s="12"/>
    </row>
    <row r="16" spans="1:14" x14ac:dyDescent="0.25">
      <c r="A16" s="2" t="s">
        <v>25</v>
      </c>
      <c r="B16" s="4" t="s">
        <v>1186</v>
      </c>
      <c r="C16" s="13">
        <v>0</v>
      </c>
      <c r="D16" s="13">
        <v>0</v>
      </c>
      <c r="E16" s="12"/>
      <c r="F16" s="12"/>
      <c r="G16" s="12"/>
      <c r="H16" s="12"/>
      <c r="I16" s="12"/>
      <c r="J16" s="12"/>
      <c r="K16" s="12"/>
      <c r="L16" s="12"/>
      <c r="M16" s="12"/>
      <c r="N16" s="12"/>
    </row>
    <row r="17" spans="1:14" x14ac:dyDescent="0.25">
      <c r="A17" s="2" t="s">
        <v>27</v>
      </c>
      <c r="B17" s="4" t="s">
        <v>1187</v>
      </c>
      <c r="C17" s="13">
        <v>0</v>
      </c>
      <c r="D17" s="13">
        <v>0</v>
      </c>
      <c r="E17" s="12"/>
      <c r="F17" s="12"/>
      <c r="G17" s="12"/>
      <c r="H17" s="12"/>
      <c r="I17" s="12"/>
      <c r="J17" s="12"/>
      <c r="K17" s="12"/>
      <c r="L17" s="12"/>
      <c r="M17" s="12"/>
      <c r="N17" s="12"/>
    </row>
    <row r="18" spans="1:14" x14ac:dyDescent="0.25">
      <c r="A18" s="3" t="s">
        <v>29</v>
      </c>
      <c r="B18" s="5" t="s">
        <v>1188</v>
      </c>
      <c r="C18" s="11">
        <v>0</v>
      </c>
      <c r="D18" s="11">
        <v>0</v>
      </c>
      <c r="E18" s="12"/>
      <c r="F18" s="12"/>
      <c r="G18" s="12"/>
      <c r="H18" s="12"/>
      <c r="I18" s="12"/>
      <c r="J18" s="12"/>
      <c r="K18" s="12"/>
      <c r="L18" s="12"/>
      <c r="M18" s="12"/>
      <c r="N18" s="12"/>
    </row>
    <row r="19" spans="1:14" x14ac:dyDescent="0.25">
      <c r="A19" s="2" t="s">
        <v>31</v>
      </c>
      <c r="B19" s="4" t="s">
        <v>1189</v>
      </c>
      <c r="C19" s="13">
        <v>0</v>
      </c>
      <c r="D19" s="13">
        <v>0</v>
      </c>
      <c r="E19" s="12"/>
      <c r="F19" s="12"/>
      <c r="G19" s="12"/>
      <c r="H19" s="12"/>
      <c r="I19" s="12"/>
      <c r="J19" s="12"/>
      <c r="K19" s="12"/>
      <c r="L19" s="12"/>
      <c r="M19" s="12"/>
      <c r="N19" s="12"/>
    </row>
    <row r="20" spans="1:14" x14ac:dyDescent="0.25">
      <c r="A20" s="2" t="s">
        <v>33</v>
      </c>
      <c r="B20" s="4" t="s">
        <v>1190</v>
      </c>
      <c r="C20" s="13">
        <v>0</v>
      </c>
      <c r="D20" s="13">
        <v>0</v>
      </c>
      <c r="E20" s="12"/>
      <c r="F20" s="12"/>
      <c r="G20" s="12"/>
      <c r="H20" s="12"/>
      <c r="I20" s="12"/>
      <c r="J20" s="12"/>
      <c r="K20" s="12"/>
      <c r="L20" s="12"/>
      <c r="M20" s="12"/>
      <c r="N20" s="12"/>
    </row>
    <row r="21" spans="1:14" x14ac:dyDescent="0.25">
      <c r="A21" s="2" t="s">
        <v>35</v>
      </c>
      <c r="B21" s="4" t="s">
        <v>1191</v>
      </c>
      <c r="C21" s="13">
        <v>0</v>
      </c>
      <c r="D21" s="13">
        <v>0</v>
      </c>
      <c r="E21" s="12"/>
      <c r="F21" s="12"/>
      <c r="G21" s="12"/>
      <c r="H21" s="12"/>
      <c r="I21" s="12"/>
      <c r="J21" s="12"/>
      <c r="K21" s="12"/>
      <c r="L21" s="12"/>
      <c r="M21" s="12"/>
      <c r="N21" s="12"/>
    </row>
    <row r="22" spans="1:14" x14ac:dyDescent="0.25">
      <c r="A22" s="2" t="s">
        <v>37</v>
      </c>
      <c r="B22" s="4" t="s">
        <v>1192</v>
      </c>
      <c r="C22" s="13">
        <v>0</v>
      </c>
      <c r="D22" s="13">
        <v>0</v>
      </c>
      <c r="E22" s="12"/>
      <c r="F22" s="12"/>
      <c r="G22" s="12"/>
      <c r="H22" s="12"/>
      <c r="I22" s="12"/>
      <c r="J22" s="12"/>
      <c r="K22" s="12"/>
      <c r="L22" s="12"/>
      <c r="M22" s="12"/>
      <c r="N22" s="12"/>
    </row>
    <row r="23" spans="1:14" x14ac:dyDescent="0.25">
      <c r="C23" s="12"/>
      <c r="D23" s="12"/>
      <c r="E23" s="12"/>
      <c r="F23" s="12"/>
      <c r="G23" s="12"/>
      <c r="H23" s="12"/>
      <c r="I23" s="12"/>
      <c r="J23" s="12"/>
      <c r="K23" s="12"/>
      <c r="L23" s="12"/>
      <c r="M23" s="12"/>
      <c r="N23" s="12"/>
    </row>
    <row r="24" spans="1:14" x14ac:dyDescent="0.25">
      <c r="A24" s="10" t="s">
        <v>6</v>
      </c>
      <c r="B24" s="10" t="s">
        <v>1193</v>
      </c>
      <c r="C24" s="14" t="s">
        <v>1194</v>
      </c>
      <c r="D24" s="14" t="s">
        <v>1195</v>
      </c>
      <c r="E24" s="14" t="s">
        <v>1196</v>
      </c>
      <c r="F24" s="14" t="s">
        <v>1197</v>
      </c>
      <c r="G24" s="14" t="s">
        <v>1198</v>
      </c>
      <c r="H24" s="14" t="s">
        <v>1199</v>
      </c>
      <c r="I24" s="14" t="s">
        <v>1200</v>
      </c>
      <c r="J24" s="14" t="s">
        <v>1201</v>
      </c>
      <c r="K24" s="14" t="s">
        <v>1202</v>
      </c>
      <c r="L24" s="14" t="s">
        <v>1203</v>
      </c>
      <c r="M24" s="14" t="s">
        <v>1204</v>
      </c>
      <c r="N24" s="12"/>
    </row>
    <row r="25" spans="1:14" x14ac:dyDescent="0.25">
      <c r="A25" s="10" t="s">
        <v>7</v>
      </c>
      <c r="B25" s="10" t="s">
        <v>7</v>
      </c>
      <c r="C25" s="14" t="s">
        <v>7</v>
      </c>
      <c r="D25" s="14" t="s">
        <v>7</v>
      </c>
      <c r="E25" s="14" t="s">
        <v>7</v>
      </c>
      <c r="F25" s="14" t="s">
        <v>7</v>
      </c>
      <c r="G25" s="14" t="s">
        <v>7</v>
      </c>
      <c r="H25" s="14" t="s">
        <v>7</v>
      </c>
      <c r="I25" s="14" t="s">
        <v>7</v>
      </c>
      <c r="J25" s="14" t="s">
        <v>7</v>
      </c>
      <c r="K25" s="14" t="s">
        <v>7</v>
      </c>
      <c r="L25" s="14" t="s">
        <v>7</v>
      </c>
      <c r="M25" s="14" t="s">
        <v>7</v>
      </c>
      <c r="N25" s="12"/>
    </row>
    <row r="26" spans="1:14" x14ac:dyDescent="0.25">
      <c r="A26" s="3" t="s">
        <v>39</v>
      </c>
      <c r="B26" s="5" t="s">
        <v>1205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2"/>
    </row>
    <row r="27" spans="1:14" x14ac:dyDescent="0.25">
      <c r="A27" s="2" t="s">
        <v>41</v>
      </c>
      <c r="B27" s="4" t="s">
        <v>1206</v>
      </c>
      <c r="C27" s="13">
        <v>0</v>
      </c>
      <c r="D27" s="13">
        <v>0</v>
      </c>
      <c r="E27" s="13">
        <v>0</v>
      </c>
      <c r="F27" s="13">
        <v>0</v>
      </c>
      <c r="G27" s="13">
        <v>0</v>
      </c>
      <c r="H27" s="13">
        <v>0</v>
      </c>
      <c r="I27" s="13">
        <v>0</v>
      </c>
      <c r="J27" s="13">
        <v>0</v>
      </c>
      <c r="K27" s="13">
        <v>0</v>
      </c>
      <c r="L27" s="13">
        <v>0</v>
      </c>
      <c r="M27" s="13">
        <v>0</v>
      </c>
      <c r="N27" s="12"/>
    </row>
    <row r="28" spans="1:14" x14ac:dyDescent="0.25">
      <c r="A28" s="2" t="s">
        <v>43</v>
      </c>
      <c r="B28" s="4" t="s">
        <v>1207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  <c r="K28" s="13">
        <v>0</v>
      </c>
      <c r="L28" s="13">
        <v>0</v>
      </c>
      <c r="M28" s="13">
        <v>0</v>
      </c>
      <c r="N28" s="12"/>
    </row>
    <row r="29" spans="1:14" x14ac:dyDescent="0.25">
      <c r="A29" s="3" t="s">
        <v>45</v>
      </c>
      <c r="B29" s="5" t="s">
        <v>1208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  <c r="N29" s="12"/>
    </row>
    <row r="30" spans="1:14" x14ac:dyDescent="0.25">
      <c r="A30" s="2" t="s">
        <v>47</v>
      </c>
      <c r="B30" s="4" t="s">
        <v>1209</v>
      </c>
      <c r="C30" s="13">
        <v>0</v>
      </c>
      <c r="D30" s="13">
        <v>0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  <c r="N30" s="12"/>
    </row>
    <row r="31" spans="1:14" x14ac:dyDescent="0.25">
      <c r="A31" s="2" t="s">
        <v>49</v>
      </c>
      <c r="B31" s="4" t="s">
        <v>1210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3">
        <v>0</v>
      </c>
      <c r="K31" s="13">
        <v>0</v>
      </c>
      <c r="L31" s="13">
        <v>0</v>
      </c>
      <c r="M31" s="13">
        <v>0</v>
      </c>
      <c r="N31" s="12"/>
    </row>
    <row r="32" spans="1:14" x14ac:dyDescent="0.25">
      <c r="A32" s="3" t="s">
        <v>51</v>
      </c>
      <c r="B32" s="5" t="s">
        <v>1211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2"/>
    </row>
    <row r="33" spans="1:14" x14ac:dyDescent="0.25">
      <c r="A33" s="2" t="s">
        <v>53</v>
      </c>
      <c r="B33" s="4" t="s">
        <v>1212</v>
      </c>
      <c r="C33" s="13">
        <v>15816038193.469999</v>
      </c>
      <c r="D33" s="13">
        <v>17834747550.23</v>
      </c>
      <c r="E33" s="13">
        <v>0</v>
      </c>
      <c r="F33" s="13">
        <v>0</v>
      </c>
      <c r="G33" s="13">
        <v>0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  <c r="N33" s="12"/>
    </row>
    <row r="34" spans="1:14" x14ac:dyDescent="0.25">
      <c r="A34" s="2" t="s">
        <v>55</v>
      </c>
      <c r="B34" s="4" t="s">
        <v>1213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  <c r="H34" s="13">
        <v>0</v>
      </c>
      <c r="I34" s="13">
        <v>0</v>
      </c>
      <c r="J34" s="13">
        <v>0</v>
      </c>
      <c r="K34" s="13">
        <v>0</v>
      </c>
      <c r="L34" s="13">
        <v>0</v>
      </c>
      <c r="M34" s="13">
        <v>0</v>
      </c>
      <c r="N34" s="12"/>
    </row>
    <row r="35" spans="1:14" x14ac:dyDescent="0.25">
      <c r="A35" s="2" t="s">
        <v>57</v>
      </c>
      <c r="B35" s="4" t="s">
        <v>1214</v>
      </c>
      <c r="C35" s="13">
        <v>0</v>
      </c>
      <c r="D35" s="13">
        <v>0</v>
      </c>
      <c r="E35" s="13">
        <v>0</v>
      </c>
      <c r="F35" s="13">
        <v>0</v>
      </c>
      <c r="G35" s="13">
        <v>0</v>
      </c>
      <c r="H35" s="13">
        <v>0</v>
      </c>
      <c r="I35" s="13">
        <v>0</v>
      </c>
      <c r="J35" s="13">
        <v>0</v>
      </c>
      <c r="K35" s="13">
        <v>0</v>
      </c>
      <c r="L35" s="13">
        <v>0</v>
      </c>
      <c r="M35" s="13">
        <v>0</v>
      </c>
      <c r="N35" s="12"/>
    </row>
  </sheetData>
  <mergeCells count="22">
    <mergeCell ref="M24:M25"/>
    <mergeCell ref="A9:M9"/>
    <mergeCell ref="A10:A11"/>
    <mergeCell ref="B10:B11"/>
    <mergeCell ref="C10:C11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J24:J25"/>
    <mergeCell ref="K24:K25"/>
    <mergeCell ref="L24:L25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31"/>
  <sheetViews>
    <sheetView showGridLines="0" tabSelected="1" topLeftCell="A76" workbookViewId="0">
      <selection activeCell="E21" sqref="E21"/>
    </sheetView>
  </sheetViews>
  <sheetFormatPr defaultRowHeight="15" x14ac:dyDescent="0.25"/>
  <cols>
    <col min="1" max="1" width="2.7109375" bestFit="1" customWidth="1"/>
    <col min="2" max="2" width="63.710937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215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216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217</v>
      </c>
      <c r="C10" s="10" t="s">
        <v>1218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8</v>
      </c>
      <c r="C12" s="13">
        <v>0</v>
      </c>
      <c r="D12" s="12"/>
      <c r="E12" s="12"/>
      <c r="F12" s="12"/>
    </row>
    <row r="13" spans="1:6" x14ac:dyDescent="0.25">
      <c r="A13" s="2" t="s">
        <v>19</v>
      </c>
      <c r="B13" s="4" t="s">
        <v>1219</v>
      </c>
      <c r="C13" s="13">
        <v>18475534800</v>
      </c>
      <c r="D13" s="12"/>
      <c r="E13" s="12"/>
      <c r="F13" s="12"/>
    </row>
    <row r="14" spans="1:6" x14ac:dyDescent="0.25">
      <c r="A14" s="2" t="s">
        <v>21</v>
      </c>
      <c r="B14" s="4" t="s">
        <v>1220</v>
      </c>
      <c r="C14" s="13">
        <v>19289630810.77</v>
      </c>
      <c r="D14" s="12"/>
      <c r="E14" s="12"/>
      <c r="F14" s="12"/>
    </row>
    <row r="15" spans="1:6" x14ac:dyDescent="0.25">
      <c r="A15" s="2" t="s">
        <v>23</v>
      </c>
      <c r="B15" s="4" t="s">
        <v>1221</v>
      </c>
      <c r="C15" s="13">
        <v>14910309154.73</v>
      </c>
      <c r="D15" s="12"/>
      <c r="E15" s="12"/>
      <c r="F15" s="12"/>
    </row>
    <row r="16" spans="1:6" x14ac:dyDescent="0.25">
      <c r="A16" s="2" t="s">
        <v>25</v>
      </c>
      <c r="B16" s="4" t="s">
        <v>1222</v>
      </c>
      <c r="C16" s="13">
        <v>0</v>
      </c>
      <c r="D16" s="12"/>
      <c r="E16" s="12"/>
      <c r="F16" s="12"/>
    </row>
    <row r="17" spans="1:6" x14ac:dyDescent="0.25">
      <c r="A17" s="2" t="s">
        <v>27</v>
      </c>
      <c r="B17" s="4" t="s">
        <v>1223</v>
      </c>
      <c r="C17" s="13">
        <v>2804298405.0900002</v>
      </c>
      <c r="D17" s="12"/>
      <c r="E17" s="12"/>
      <c r="F17" s="12"/>
    </row>
    <row r="18" spans="1:6" x14ac:dyDescent="0.25">
      <c r="A18" s="2" t="s">
        <v>29</v>
      </c>
      <c r="B18" s="4" t="s">
        <v>167</v>
      </c>
      <c r="C18" s="13">
        <v>0</v>
      </c>
      <c r="D18" s="12"/>
      <c r="E18" s="12"/>
      <c r="F18" s="12"/>
    </row>
    <row r="19" spans="1:6" x14ac:dyDescent="0.25">
      <c r="A19" s="2" t="s">
        <v>31</v>
      </c>
      <c r="B19" s="4" t="s">
        <v>1224</v>
      </c>
      <c r="C19" s="13">
        <v>18475534800</v>
      </c>
      <c r="D19" s="12"/>
      <c r="E19" s="12"/>
      <c r="F19" s="12"/>
    </row>
    <row r="20" spans="1:6" x14ac:dyDescent="0.25">
      <c r="A20" s="2" t="s">
        <v>33</v>
      </c>
      <c r="B20" s="4" t="s">
        <v>1225</v>
      </c>
      <c r="C20" s="13">
        <v>22089736215.860001</v>
      </c>
      <c r="D20" s="12"/>
      <c r="E20" s="12"/>
      <c r="F20" s="12"/>
    </row>
    <row r="21" spans="1:6" x14ac:dyDescent="0.25">
      <c r="A21" s="2" t="s">
        <v>35</v>
      </c>
      <c r="B21" s="4" t="s">
        <v>1226</v>
      </c>
      <c r="C21" s="13">
        <v>16491770661.940001</v>
      </c>
      <c r="D21" s="12"/>
      <c r="E21" s="12"/>
      <c r="F21" s="12"/>
    </row>
    <row r="22" spans="1:6" x14ac:dyDescent="0.25">
      <c r="A22" s="2" t="s">
        <v>37</v>
      </c>
      <c r="B22" s="4" t="s">
        <v>1227</v>
      </c>
      <c r="C22" s="13">
        <v>13420283382.34</v>
      </c>
      <c r="D22" s="12"/>
      <c r="E22" s="12"/>
      <c r="F22" s="12"/>
    </row>
    <row r="23" spans="1:6" x14ac:dyDescent="0.25">
      <c r="A23" s="2" t="s">
        <v>39</v>
      </c>
      <c r="B23" s="4" t="s">
        <v>1228</v>
      </c>
      <c r="C23" s="13">
        <v>13169371580.059999</v>
      </c>
      <c r="D23" s="12"/>
      <c r="E23" s="12"/>
      <c r="F23" s="12"/>
    </row>
    <row r="24" spans="1:6" x14ac:dyDescent="0.25">
      <c r="A24" s="2" t="s">
        <v>41</v>
      </c>
      <c r="B24" s="4" t="s">
        <v>1229</v>
      </c>
      <c r="C24" s="13">
        <v>1490025772.3900001</v>
      </c>
      <c r="D24" s="12"/>
      <c r="E24" s="12"/>
      <c r="F24" s="12"/>
    </row>
    <row r="25" spans="1:6" x14ac:dyDescent="0.25">
      <c r="C25" s="12"/>
      <c r="D25" s="12"/>
      <c r="E25" s="12"/>
      <c r="F25" s="12"/>
    </row>
    <row r="26" spans="1:6" x14ac:dyDescent="0.25">
      <c r="A26" s="10" t="s">
        <v>6</v>
      </c>
      <c r="B26" s="10" t="s">
        <v>1230</v>
      </c>
      <c r="C26" s="14" t="s">
        <v>1218</v>
      </c>
      <c r="D26" s="12"/>
      <c r="E26" s="12"/>
      <c r="F26" s="12"/>
    </row>
    <row r="27" spans="1:6" x14ac:dyDescent="0.25">
      <c r="A27" s="10" t="s">
        <v>7</v>
      </c>
      <c r="B27" s="10" t="s">
        <v>7</v>
      </c>
      <c r="C27" s="14" t="s">
        <v>7</v>
      </c>
      <c r="D27" s="12"/>
      <c r="E27" s="12"/>
      <c r="F27" s="12"/>
    </row>
    <row r="28" spans="1:6" x14ac:dyDescent="0.25">
      <c r="A28" s="2" t="s">
        <v>43</v>
      </c>
      <c r="B28" s="4" t="s">
        <v>170</v>
      </c>
      <c r="C28" s="13">
        <v>16491770661.940001</v>
      </c>
      <c r="D28" s="12"/>
      <c r="E28" s="12"/>
      <c r="F28" s="12"/>
    </row>
    <row r="29" spans="1:6" x14ac:dyDescent="0.25">
      <c r="A29" s="2" t="s">
        <v>45</v>
      </c>
      <c r="B29" s="4" t="s">
        <v>174</v>
      </c>
      <c r="C29" s="13">
        <v>13420283382.34</v>
      </c>
      <c r="D29" s="12"/>
      <c r="E29" s="12"/>
      <c r="F29" s="12"/>
    </row>
    <row r="30" spans="1:6" x14ac:dyDescent="0.25">
      <c r="C30" s="12"/>
      <c r="D30" s="12"/>
      <c r="E30" s="12"/>
      <c r="F30" s="12"/>
    </row>
    <row r="31" spans="1:6" x14ac:dyDescent="0.25">
      <c r="A31" s="10" t="s">
        <v>6</v>
      </c>
      <c r="B31" s="10" t="s">
        <v>1231</v>
      </c>
      <c r="C31" s="14" t="s">
        <v>1218</v>
      </c>
      <c r="D31" s="12"/>
      <c r="E31" s="12"/>
      <c r="F31" s="12"/>
    </row>
    <row r="32" spans="1:6" x14ac:dyDescent="0.25">
      <c r="A32" s="10" t="s">
        <v>7</v>
      </c>
      <c r="B32" s="10" t="s">
        <v>7</v>
      </c>
      <c r="C32" s="14" t="s">
        <v>7</v>
      </c>
      <c r="D32" s="12"/>
      <c r="E32" s="12"/>
      <c r="F32" s="12"/>
    </row>
    <row r="33" spans="1:6" x14ac:dyDescent="0.25">
      <c r="A33" s="2" t="s">
        <v>47</v>
      </c>
      <c r="B33" s="4" t="s">
        <v>1232</v>
      </c>
      <c r="C33" s="13">
        <v>17834747550.23</v>
      </c>
      <c r="D33" s="12"/>
      <c r="E33" s="12"/>
      <c r="F33" s="12"/>
    </row>
    <row r="34" spans="1:6" x14ac:dyDescent="0.25">
      <c r="A34" s="2" t="s">
        <v>49</v>
      </c>
      <c r="B34" s="4" t="s">
        <v>1233</v>
      </c>
      <c r="C34" s="13">
        <v>17828413755.23</v>
      </c>
      <c r="D34" s="12"/>
      <c r="E34" s="12"/>
      <c r="F34" s="12"/>
    </row>
    <row r="35" spans="1:6" x14ac:dyDescent="0.25">
      <c r="A35" s="2" t="s">
        <v>51</v>
      </c>
      <c r="B35" s="4" t="s">
        <v>1234</v>
      </c>
      <c r="C35" s="13">
        <v>17828413755.23</v>
      </c>
      <c r="D35" s="12"/>
      <c r="E35" s="12"/>
      <c r="F35" s="12"/>
    </row>
    <row r="36" spans="1:6" x14ac:dyDescent="0.25">
      <c r="C36" s="12"/>
      <c r="D36" s="12"/>
      <c r="E36" s="12"/>
      <c r="F36" s="12"/>
    </row>
    <row r="37" spans="1:6" x14ac:dyDescent="0.25">
      <c r="A37" s="10" t="s">
        <v>6</v>
      </c>
      <c r="B37" s="10" t="s">
        <v>1235</v>
      </c>
      <c r="C37" s="14" t="s">
        <v>1218</v>
      </c>
      <c r="D37" s="12"/>
      <c r="E37" s="12"/>
      <c r="F37" s="12"/>
    </row>
    <row r="38" spans="1:6" x14ac:dyDescent="0.25">
      <c r="A38" s="10" t="s">
        <v>7</v>
      </c>
      <c r="B38" s="10" t="s">
        <v>7</v>
      </c>
      <c r="C38" s="14" t="s">
        <v>7</v>
      </c>
      <c r="D38" s="12"/>
      <c r="E38" s="12"/>
      <c r="F38" s="12"/>
    </row>
    <row r="39" spans="1:6" x14ac:dyDescent="0.25">
      <c r="A39" s="2" t="s">
        <v>53</v>
      </c>
      <c r="B39" s="4" t="s">
        <v>1236</v>
      </c>
      <c r="C39" s="13">
        <v>0</v>
      </c>
      <c r="D39" s="12"/>
      <c r="E39" s="12"/>
      <c r="F39" s="12"/>
    </row>
    <row r="40" spans="1:6" x14ac:dyDescent="0.25">
      <c r="A40" s="2" t="s">
        <v>55</v>
      </c>
      <c r="B40" s="4" t="s">
        <v>1237</v>
      </c>
      <c r="C40" s="13">
        <v>2082467928.7</v>
      </c>
      <c r="D40" s="12"/>
      <c r="E40" s="12"/>
      <c r="F40" s="12"/>
    </row>
    <row r="41" spans="1:6" x14ac:dyDescent="0.25">
      <c r="A41" s="2" t="s">
        <v>57</v>
      </c>
      <c r="B41" s="4" t="s">
        <v>1238</v>
      </c>
      <c r="C41" s="13">
        <v>2203970290.0700002</v>
      </c>
      <c r="D41" s="12"/>
      <c r="E41" s="12"/>
      <c r="F41" s="12"/>
    </row>
    <row r="42" spans="1:6" x14ac:dyDescent="0.25">
      <c r="A42" s="2" t="s">
        <v>59</v>
      </c>
      <c r="B42" s="4" t="s">
        <v>1239</v>
      </c>
      <c r="C42" s="13">
        <v>2181660160.7199998</v>
      </c>
      <c r="D42" s="12"/>
      <c r="E42" s="12"/>
      <c r="F42" s="12"/>
    </row>
    <row r="43" spans="1:6" x14ac:dyDescent="0.25">
      <c r="A43" s="2" t="s">
        <v>61</v>
      </c>
      <c r="B43" s="4" t="s">
        <v>1240</v>
      </c>
      <c r="C43" s="13">
        <v>2181338338.8400002</v>
      </c>
      <c r="D43" s="12"/>
      <c r="E43" s="12"/>
      <c r="F43" s="12"/>
    </row>
    <row r="44" spans="1:6" x14ac:dyDescent="0.25">
      <c r="A44" s="2" t="s">
        <v>63</v>
      </c>
      <c r="B44" s="4" t="s">
        <v>1241</v>
      </c>
      <c r="C44" s="13">
        <v>-99192232.019999996</v>
      </c>
      <c r="D44" s="12"/>
      <c r="E44" s="12"/>
      <c r="F44" s="12"/>
    </row>
    <row r="45" spans="1:6" x14ac:dyDescent="0.25">
      <c r="A45" s="2" t="s">
        <v>65</v>
      </c>
      <c r="B45" s="4" t="s">
        <v>1242</v>
      </c>
      <c r="C45" s="13">
        <v>0</v>
      </c>
      <c r="D45" s="12"/>
      <c r="E45" s="12"/>
      <c r="F45" s="12"/>
    </row>
    <row r="46" spans="1:6" x14ac:dyDescent="0.25">
      <c r="A46" s="2" t="s">
        <v>67</v>
      </c>
      <c r="B46" s="4" t="s">
        <v>1237</v>
      </c>
      <c r="C46" s="13">
        <v>0</v>
      </c>
      <c r="D46" s="12"/>
      <c r="E46" s="12"/>
      <c r="F46" s="12"/>
    </row>
    <row r="47" spans="1:6" x14ac:dyDescent="0.25">
      <c r="A47" s="2" t="s">
        <v>69</v>
      </c>
      <c r="B47" s="4" t="s">
        <v>1238</v>
      </c>
      <c r="C47" s="13">
        <v>0</v>
      </c>
      <c r="D47" s="12"/>
      <c r="E47" s="12"/>
      <c r="F47" s="12"/>
    </row>
    <row r="48" spans="1:6" x14ac:dyDescent="0.25">
      <c r="A48" s="2" t="s">
        <v>71</v>
      </c>
      <c r="B48" s="4" t="s">
        <v>1239</v>
      </c>
      <c r="C48" s="13">
        <v>0</v>
      </c>
      <c r="D48" s="12"/>
      <c r="E48" s="12"/>
      <c r="F48" s="12"/>
    </row>
    <row r="49" spans="1:6" x14ac:dyDescent="0.25">
      <c r="A49" s="2" t="s">
        <v>73</v>
      </c>
      <c r="B49" s="4" t="s">
        <v>1240</v>
      </c>
      <c r="C49" s="13">
        <v>0</v>
      </c>
      <c r="D49" s="12"/>
      <c r="E49" s="12"/>
      <c r="F49" s="12"/>
    </row>
    <row r="50" spans="1:6" x14ac:dyDescent="0.25">
      <c r="A50" s="2" t="s">
        <v>75</v>
      </c>
      <c r="B50" s="4" t="s">
        <v>1241</v>
      </c>
      <c r="C50" s="13">
        <v>0</v>
      </c>
      <c r="D50" s="12"/>
      <c r="E50" s="12"/>
      <c r="F50" s="12"/>
    </row>
    <row r="51" spans="1:6" x14ac:dyDescent="0.25">
      <c r="A51" s="2" t="s">
        <v>77</v>
      </c>
      <c r="B51" s="4" t="s">
        <v>1243</v>
      </c>
      <c r="C51" s="13">
        <v>0</v>
      </c>
      <c r="D51" s="12"/>
      <c r="E51" s="12"/>
      <c r="F51" s="12"/>
    </row>
    <row r="52" spans="1:6" x14ac:dyDescent="0.25">
      <c r="A52" s="2" t="s">
        <v>79</v>
      </c>
      <c r="B52" s="4" t="s">
        <v>1244</v>
      </c>
      <c r="C52" s="13">
        <v>91054907.109999999</v>
      </c>
      <c r="D52" s="12"/>
      <c r="E52" s="12"/>
      <c r="F52" s="12"/>
    </row>
    <row r="53" spans="1:6" x14ac:dyDescent="0.25">
      <c r="A53" s="2" t="s">
        <v>81</v>
      </c>
      <c r="B53" s="4" t="s">
        <v>1245</v>
      </c>
      <c r="C53" s="13">
        <v>91048567.230000004</v>
      </c>
      <c r="D53" s="12"/>
      <c r="E53" s="12"/>
      <c r="F53" s="12"/>
    </row>
    <row r="54" spans="1:6" x14ac:dyDescent="0.25">
      <c r="A54" s="2" t="s">
        <v>83</v>
      </c>
      <c r="B54" s="4" t="s">
        <v>1246</v>
      </c>
      <c r="C54" s="13">
        <v>91048543.319999993</v>
      </c>
      <c r="D54" s="12"/>
      <c r="E54" s="12"/>
      <c r="F54" s="12"/>
    </row>
    <row r="55" spans="1:6" x14ac:dyDescent="0.25">
      <c r="A55" s="2" t="s">
        <v>85</v>
      </c>
      <c r="B55" s="4" t="s">
        <v>1247</v>
      </c>
      <c r="C55" s="13">
        <v>91048543.319999993</v>
      </c>
      <c r="D55" s="12"/>
      <c r="E55" s="12"/>
      <c r="F55" s="12"/>
    </row>
    <row r="56" spans="1:6" x14ac:dyDescent="0.25">
      <c r="A56" s="2" t="s">
        <v>87</v>
      </c>
      <c r="B56" s="4" t="s">
        <v>1248</v>
      </c>
      <c r="C56" s="13">
        <v>6363.79</v>
      </c>
      <c r="D56" s="12"/>
      <c r="E56" s="12"/>
      <c r="F56" s="12"/>
    </row>
    <row r="57" spans="1:6" x14ac:dyDescent="0.25">
      <c r="C57" s="12"/>
      <c r="D57" s="12"/>
      <c r="E57" s="12"/>
      <c r="F57" s="12"/>
    </row>
    <row r="58" spans="1:6" x14ac:dyDescent="0.25">
      <c r="A58" s="10" t="s">
        <v>6</v>
      </c>
      <c r="B58" s="10" t="s">
        <v>1249</v>
      </c>
      <c r="C58" s="14" t="s">
        <v>1250</v>
      </c>
      <c r="D58" s="14" t="s">
        <v>1251</v>
      </c>
      <c r="E58" s="14" t="s">
        <v>1252</v>
      </c>
      <c r="F58" s="12"/>
    </row>
    <row r="59" spans="1:6" x14ac:dyDescent="0.25">
      <c r="A59" s="10" t="s">
        <v>7</v>
      </c>
      <c r="B59" s="10" t="s">
        <v>7</v>
      </c>
      <c r="C59" s="14" t="s">
        <v>7</v>
      </c>
      <c r="D59" s="14" t="s">
        <v>7</v>
      </c>
      <c r="E59" s="14" t="s">
        <v>7</v>
      </c>
      <c r="F59" s="12"/>
    </row>
    <row r="60" spans="1:6" x14ac:dyDescent="0.25">
      <c r="A60" s="2" t="s">
        <v>89</v>
      </c>
      <c r="B60" s="4" t="s">
        <v>1253</v>
      </c>
      <c r="C60" s="13">
        <v>315499518.75999999</v>
      </c>
      <c r="D60" s="13">
        <v>972619329.45000005</v>
      </c>
      <c r="E60" s="13">
        <v>308.27999999999997</v>
      </c>
      <c r="F60" s="12"/>
    </row>
    <row r="61" spans="1:6" x14ac:dyDescent="0.25">
      <c r="A61" s="2" t="s">
        <v>91</v>
      </c>
      <c r="B61" s="4" t="s">
        <v>1254</v>
      </c>
      <c r="C61" s="13">
        <v>1698267.56</v>
      </c>
      <c r="D61" s="13">
        <v>1001396944</v>
      </c>
      <c r="E61" s="13">
        <v>58965.79</v>
      </c>
      <c r="F61" s="12"/>
    </row>
    <row r="62" spans="1:6" x14ac:dyDescent="0.25">
      <c r="C62" s="12"/>
      <c r="D62" s="12"/>
      <c r="E62" s="12"/>
      <c r="F62" s="12"/>
    </row>
    <row r="63" spans="1:6" x14ac:dyDescent="0.25">
      <c r="A63" s="10" t="s">
        <v>6</v>
      </c>
      <c r="B63" s="10" t="s">
        <v>1255</v>
      </c>
      <c r="C63" s="14" t="s">
        <v>1256</v>
      </c>
      <c r="D63" s="14" t="s">
        <v>1257</v>
      </c>
      <c r="E63" s="14" t="s">
        <v>1258</v>
      </c>
      <c r="F63" s="14" t="s">
        <v>1259</v>
      </c>
    </row>
    <row r="64" spans="1:6" x14ac:dyDescent="0.25">
      <c r="A64" s="10" t="s">
        <v>7</v>
      </c>
      <c r="B64" s="10" t="s">
        <v>7</v>
      </c>
      <c r="C64" s="14" t="s">
        <v>7</v>
      </c>
      <c r="D64" s="14" t="s">
        <v>7</v>
      </c>
      <c r="E64" s="14" t="s">
        <v>7</v>
      </c>
      <c r="F64" s="14" t="s">
        <v>7</v>
      </c>
    </row>
    <row r="65" spans="1:6" x14ac:dyDescent="0.25">
      <c r="A65" s="3" t="s">
        <v>93</v>
      </c>
      <c r="B65" s="5" t="s">
        <v>1260</v>
      </c>
      <c r="C65" s="11">
        <v>166454698.40000001</v>
      </c>
      <c r="D65" s="11">
        <v>18963802.239999998</v>
      </c>
      <c r="E65" s="11">
        <v>106249842.72</v>
      </c>
      <c r="F65" s="11">
        <v>41241053.439999998</v>
      </c>
    </row>
    <row r="66" spans="1:6" x14ac:dyDescent="0.25">
      <c r="A66" s="2" t="s">
        <v>95</v>
      </c>
      <c r="B66" s="4" t="s">
        <v>1261</v>
      </c>
      <c r="C66" s="13">
        <v>135907809.11000001</v>
      </c>
      <c r="D66" s="13">
        <v>18936500.039999999</v>
      </c>
      <c r="E66" s="13">
        <v>75767103.909999996</v>
      </c>
      <c r="F66" s="13">
        <v>41204205.159999996</v>
      </c>
    </row>
    <row r="67" spans="1:6" x14ac:dyDescent="0.25">
      <c r="A67" s="2" t="s">
        <v>97</v>
      </c>
      <c r="B67" s="4" t="s">
        <v>1262</v>
      </c>
      <c r="C67" s="13">
        <v>4025373.25</v>
      </c>
      <c r="D67" s="13">
        <v>0</v>
      </c>
      <c r="E67" s="13">
        <v>4025373.25</v>
      </c>
      <c r="F67" s="13">
        <v>0</v>
      </c>
    </row>
    <row r="68" spans="1:6" x14ac:dyDescent="0.25">
      <c r="A68" s="2" t="s">
        <v>99</v>
      </c>
      <c r="B68" s="4" t="s">
        <v>1263</v>
      </c>
      <c r="C68" s="13">
        <v>16962681.920000002</v>
      </c>
      <c r="D68" s="13">
        <v>27302.2</v>
      </c>
      <c r="E68" s="13">
        <v>16898531.440000001</v>
      </c>
      <c r="F68" s="13">
        <v>36848.28</v>
      </c>
    </row>
    <row r="69" spans="1:6" x14ac:dyDescent="0.25">
      <c r="A69" s="2" t="s">
        <v>101</v>
      </c>
      <c r="B69" s="4" t="s">
        <v>1264</v>
      </c>
      <c r="C69" s="13">
        <v>6820249.0099999998</v>
      </c>
      <c r="D69" s="13">
        <v>0</v>
      </c>
      <c r="E69" s="13">
        <v>6820249.0099999998</v>
      </c>
      <c r="F69" s="13">
        <v>0</v>
      </c>
    </row>
    <row r="70" spans="1:6" x14ac:dyDescent="0.25">
      <c r="A70" s="2" t="s">
        <v>103</v>
      </c>
      <c r="B70" s="4" t="s">
        <v>1265</v>
      </c>
      <c r="C70" s="13">
        <v>2738585.11</v>
      </c>
      <c r="D70" s="13">
        <v>0</v>
      </c>
      <c r="E70" s="13">
        <v>2738585.11</v>
      </c>
      <c r="F70" s="13">
        <v>0</v>
      </c>
    </row>
    <row r="71" spans="1:6" x14ac:dyDescent="0.25">
      <c r="A71" s="3" t="s">
        <v>105</v>
      </c>
      <c r="B71" s="5" t="s">
        <v>1266</v>
      </c>
      <c r="C71" s="11">
        <v>1011332645.17</v>
      </c>
      <c r="D71" s="11">
        <v>97214144.920000002</v>
      </c>
      <c r="E71" s="11">
        <v>600213865.51999998</v>
      </c>
      <c r="F71" s="11">
        <v>313904634.73000002</v>
      </c>
    </row>
    <row r="72" spans="1:6" x14ac:dyDescent="0.25">
      <c r="A72" s="2" t="s">
        <v>107</v>
      </c>
      <c r="B72" s="4" t="s">
        <v>1261</v>
      </c>
      <c r="C72" s="13">
        <v>939583359.05999994</v>
      </c>
      <c r="D72" s="13">
        <v>90105215.760000005</v>
      </c>
      <c r="E72" s="13">
        <v>557639138.45000005</v>
      </c>
      <c r="F72" s="13">
        <v>291839004.85000002</v>
      </c>
    </row>
    <row r="73" spans="1:6" x14ac:dyDescent="0.25">
      <c r="A73" s="2" t="s">
        <v>109</v>
      </c>
      <c r="B73" s="4" t="s">
        <v>1262</v>
      </c>
      <c r="C73" s="13">
        <v>12822002.48</v>
      </c>
      <c r="D73" s="13">
        <v>1074391.51</v>
      </c>
      <c r="E73" s="13">
        <v>8124347.46</v>
      </c>
      <c r="F73" s="13">
        <v>3623263.51</v>
      </c>
    </row>
    <row r="74" spans="1:6" x14ac:dyDescent="0.25">
      <c r="A74" s="2" t="s">
        <v>111</v>
      </c>
      <c r="B74" s="4" t="s">
        <v>1263</v>
      </c>
      <c r="C74" s="13">
        <v>22162350.27</v>
      </c>
      <c r="D74" s="13">
        <v>4928933.12</v>
      </c>
      <c r="E74" s="13">
        <v>16705193.539999999</v>
      </c>
      <c r="F74" s="13">
        <v>528223.61</v>
      </c>
    </row>
    <row r="75" spans="1:6" x14ac:dyDescent="0.25">
      <c r="A75" s="2" t="s">
        <v>113</v>
      </c>
      <c r="B75" s="4" t="s">
        <v>1264</v>
      </c>
      <c r="C75" s="13">
        <v>34568944.939999998</v>
      </c>
      <c r="D75" s="13">
        <v>273973.01</v>
      </c>
      <c r="E75" s="13">
        <v>16474051.49</v>
      </c>
      <c r="F75" s="13">
        <v>17820920.440000001</v>
      </c>
    </row>
    <row r="76" spans="1:6" x14ac:dyDescent="0.25">
      <c r="A76" s="2" t="s">
        <v>115</v>
      </c>
      <c r="B76" s="4" t="s">
        <v>1265</v>
      </c>
      <c r="C76" s="13">
        <v>2195988.42</v>
      </c>
      <c r="D76" s="13">
        <v>831631.52</v>
      </c>
      <c r="E76" s="13">
        <v>1271134.58</v>
      </c>
      <c r="F76" s="13">
        <v>93222.32</v>
      </c>
    </row>
    <row r="77" spans="1:6" x14ac:dyDescent="0.25">
      <c r="A77" s="3" t="s">
        <v>117</v>
      </c>
      <c r="B77" s="5" t="s">
        <v>1267</v>
      </c>
      <c r="C77" s="11">
        <v>1177787343.5699999</v>
      </c>
      <c r="D77" s="11">
        <v>116177947.16</v>
      </c>
      <c r="E77" s="11">
        <v>706463708.24000001</v>
      </c>
      <c r="F77" s="11">
        <v>355145688.17000002</v>
      </c>
    </row>
    <row r="78" spans="1:6" x14ac:dyDescent="0.25">
      <c r="C78" s="12"/>
      <c r="D78" s="12"/>
      <c r="E78" s="12"/>
      <c r="F78" s="12"/>
    </row>
    <row r="79" spans="1:6" x14ac:dyDescent="0.25">
      <c r="A79" s="10" t="s">
        <v>6</v>
      </c>
      <c r="B79" s="10" t="s">
        <v>1268</v>
      </c>
      <c r="C79" s="14" t="s">
        <v>1269</v>
      </c>
      <c r="D79" s="14" t="s">
        <v>1270</v>
      </c>
      <c r="E79" s="14" t="s">
        <v>1270</v>
      </c>
      <c r="F79" s="12"/>
    </row>
    <row r="80" spans="1:6" ht="21" x14ac:dyDescent="0.25">
      <c r="A80" s="10" t="s">
        <v>7</v>
      </c>
      <c r="B80" s="10" t="s">
        <v>7</v>
      </c>
      <c r="C80" s="14" t="s">
        <v>7</v>
      </c>
      <c r="D80" s="15" t="s">
        <v>1271</v>
      </c>
      <c r="E80" s="15" t="s">
        <v>1272</v>
      </c>
      <c r="F80" s="12"/>
    </row>
    <row r="81" spans="1:6" x14ac:dyDescent="0.25">
      <c r="A81" s="2" t="s">
        <v>119</v>
      </c>
      <c r="B81" s="4" t="s">
        <v>1273</v>
      </c>
      <c r="C81" s="13">
        <v>2752389062.3499999</v>
      </c>
      <c r="D81" s="13">
        <v>25</v>
      </c>
      <c r="E81" s="13">
        <v>27.84</v>
      </c>
      <c r="F81" s="12"/>
    </row>
    <row r="82" spans="1:6" x14ac:dyDescent="0.25">
      <c r="A82" s="2" t="s">
        <v>120</v>
      </c>
      <c r="B82" s="4" t="s">
        <v>1274</v>
      </c>
      <c r="C82" s="13">
        <v>967861679.07000005</v>
      </c>
      <c r="D82" s="13">
        <v>70</v>
      </c>
      <c r="E82" s="13">
        <v>91.67</v>
      </c>
      <c r="F82" s="12"/>
    </row>
    <row r="83" spans="1:6" x14ac:dyDescent="0.25">
      <c r="A83" s="2" t="s">
        <v>121</v>
      </c>
      <c r="B83" s="4" t="s">
        <v>1275</v>
      </c>
      <c r="C83" s="13">
        <v>0</v>
      </c>
      <c r="D83" s="13">
        <v>50</v>
      </c>
      <c r="E83" s="13">
        <v>0</v>
      </c>
      <c r="F83" s="12"/>
    </row>
    <row r="84" spans="1:6" x14ac:dyDescent="0.25">
      <c r="A84" s="2" t="s">
        <v>122</v>
      </c>
      <c r="B84" s="4" t="s">
        <v>1276</v>
      </c>
      <c r="C84" s="13">
        <v>0</v>
      </c>
      <c r="D84" s="13">
        <v>15</v>
      </c>
      <c r="E84" s="13">
        <v>0</v>
      </c>
      <c r="F84" s="12"/>
    </row>
    <row r="85" spans="1:6" x14ac:dyDescent="0.25">
      <c r="C85" s="12"/>
      <c r="D85" s="12"/>
      <c r="E85" s="12"/>
      <c r="F85" s="12"/>
    </row>
    <row r="86" spans="1:6" x14ac:dyDescent="0.25">
      <c r="A86" s="10" t="s">
        <v>6</v>
      </c>
      <c r="B86" s="10" t="s">
        <v>1277</v>
      </c>
      <c r="C86" s="14" t="s">
        <v>1278</v>
      </c>
      <c r="D86" s="14" t="s">
        <v>1279</v>
      </c>
      <c r="E86" s="12"/>
      <c r="F86" s="12"/>
    </row>
    <row r="87" spans="1:6" x14ac:dyDescent="0.25">
      <c r="A87" s="10" t="s">
        <v>7</v>
      </c>
      <c r="B87" s="10" t="s">
        <v>7</v>
      </c>
      <c r="C87" s="14" t="s">
        <v>7</v>
      </c>
      <c r="D87" s="14" t="s">
        <v>7</v>
      </c>
      <c r="E87" s="12"/>
      <c r="F87" s="12"/>
    </row>
    <row r="88" spans="1:6" x14ac:dyDescent="0.25">
      <c r="A88" s="2" t="s">
        <v>123</v>
      </c>
      <c r="B88" s="4" t="s">
        <v>1280</v>
      </c>
      <c r="C88" s="13">
        <v>0</v>
      </c>
      <c r="D88" s="13">
        <v>0</v>
      </c>
      <c r="E88" s="12"/>
      <c r="F88" s="12"/>
    </row>
    <row r="89" spans="1:6" x14ac:dyDescent="0.25">
      <c r="A89" s="2" t="s">
        <v>124</v>
      </c>
      <c r="B89" s="4" t="s">
        <v>1281</v>
      </c>
      <c r="C89" s="13">
        <v>0</v>
      </c>
      <c r="D89" s="13">
        <v>0</v>
      </c>
      <c r="E89" s="12"/>
      <c r="F89" s="12"/>
    </row>
    <row r="90" spans="1:6" x14ac:dyDescent="0.25">
      <c r="C90" s="12"/>
      <c r="D90" s="12"/>
      <c r="E90" s="12"/>
      <c r="F90" s="12"/>
    </row>
    <row r="91" spans="1:6" x14ac:dyDescent="0.25">
      <c r="A91" s="10" t="s">
        <v>6</v>
      </c>
      <c r="B91" s="10" t="s">
        <v>1282</v>
      </c>
      <c r="C91" s="14" t="s">
        <v>1283</v>
      </c>
      <c r="D91" s="14" t="s">
        <v>1284</v>
      </c>
      <c r="E91" s="14" t="s">
        <v>1285</v>
      </c>
      <c r="F91" s="14" t="s">
        <v>1286</v>
      </c>
    </row>
    <row r="92" spans="1:6" x14ac:dyDescent="0.25">
      <c r="A92" s="10" t="s">
        <v>7</v>
      </c>
      <c r="B92" s="10" t="s">
        <v>7</v>
      </c>
      <c r="C92" s="14" t="s">
        <v>7</v>
      </c>
      <c r="D92" s="14" t="s">
        <v>7</v>
      </c>
      <c r="E92" s="14" t="s">
        <v>7</v>
      </c>
      <c r="F92" s="14" t="s">
        <v>7</v>
      </c>
    </row>
    <row r="93" spans="1:6" x14ac:dyDescent="0.25">
      <c r="A93" s="2" t="s">
        <v>125</v>
      </c>
      <c r="B93" s="4" t="s">
        <v>1287</v>
      </c>
      <c r="C93" s="13">
        <v>0</v>
      </c>
      <c r="D93" s="13">
        <v>0</v>
      </c>
      <c r="E93" s="13">
        <v>0</v>
      </c>
      <c r="F93" s="13">
        <v>0</v>
      </c>
    </row>
    <row r="94" spans="1:6" x14ac:dyDescent="0.25">
      <c r="A94" s="2" t="s">
        <v>127</v>
      </c>
      <c r="B94" s="4" t="s">
        <v>1288</v>
      </c>
      <c r="C94" s="13">
        <v>0</v>
      </c>
      <c r="D94" s="13">
        <v>0</v>
      </c>
      <c r="E94" s="13">
        <v>0</v>
      </c>
      <c r="F94" s="13">
        <v>0</v>
      </c>
    </row>
    <row r="95" spans="1:6" x14ac:dyDescent="0.25">
      <c r="A95" s="2" t="s">
        <v>129</v>
      </c>
      <c r="B95" s="4" t="s">
        <v>1289</v>
      </c>
      <c r="C95" s="13">
        <v>0</v>
      </c>
      <c r="D95" s="13">
        <v>0</v>
      </c>
      <c r="E95" s="13">
        <v>0</v>
      </c>
      <c r="F95" s="13">
        <v>0</v>
      </c>
    </row>
    <row r="96" spans="1:6" x14ac:dyDescent="0.25">
      <c r="A96" s="2" t="s">
        <v>131</v>
      </c>
      <c r="B96" s="4" t="s">
        <v>1241</v>
      </c>
      <c r="C96" s="13">
        <v>0</v>
      </c>
      <c r="D96" s="13">
        <v>0</v>
      </c>
      <c r="E96" s="13">
        <v>0</v>
      </c>
      <c r="F96" s="13">
        <v>0</v>
      </c>
    </row>
    <row r="97" spans="1:6" x14ac:dyDescent="0.25">
      <c r="A97" s="2" t="s">
        <v>133</v>
      </c>
      <c r="B97" s="4" t="s">
        <v>1290</v>
      </c>
      <c r="C97" s="13">
        <v>0</v>
      </c>
      <c r="D97" s="13">
        <v>0</v>
      </c>
      <c r="E97" s="13">
        <v>0</v>
      </c>
      <c r="F97" s="13">
        <v>0</v>
      </c>
    </row>
    <row r="98" spans="1:6" x14ac:dyDescent="0.25">
      <c r="A98" s="2" t="s">
        <v>135</v>
      </c>
      <c r="B98" s="4" t="s">
        <v>1288</v>
      </c>
      <c r="C98" s="13">
        <v>0</v>
      </c>
      <c r="D98" s="13">
        <v>0</v>
      </c>
      <c r="E98" s="13">
        <v>0</v>
      </c>
      <c r="F98" s="13">
        <v>0</v>
      </c>
    </row>
    <row r="99" spans="1:6" x14ac:dyDescent="0.25">
      <c r="A99" s="2" t="s">
        <v>137</v>
      </c>
      <c r="B99" s="4" t="s">
        <v>1289</v>
      </c>
      <c r="C99" s="13">
        <v>0</v>
      </c>
      <c r="D99" s="13">
        <v>0</v>
      </c>
      <c r="E99" s="13">
        <v>0</v>
      </c>
      <c r="F99" s="13">
        <v>0</v>
      </c>
    </row>
    <row r="100" spans="1:6" x14ac:dyDescent="0.25">
      <c r="A100" s="2" t="s">
        <v>139</v>
      </c>
      <c r="B100" s="4" t="s">
        <v>1241</v>
      </c>
      <c r="C100" s="13">
        <v>0</v>
      </c>
      <c r="D100" s="13">
        <v>0</v>
      </c>
      <c r="E100" s="13">
        <v>0</v>
      </c>
      <c r="F100" s="13">
        <v>0</v>
      </c>
    </row>
    <row r="101" spans="1:6" x14ac:dyDescent="0.25">
      <c r="A101" s="2" t="s">
        <v>141</v>
      </c>
      <c r="B101" s="4" t="s">
        <v>1291</v>
      </c>
      <c r="C101" s="13">
        <v>0</v>
      </c>
      <c r="D101" s="13">
        <v>0</v>
      </c>
      <c r="E101" s="13">
        <v>0</v>
      </c>
      <c r="F101" s="13">
        <v>0</v>
      </c>
    </row>
    <row r="102" spans="1:6" x14ac:dyDescent="0.25">
      <c r="A102" s="2" t="s">
        <v>143</v>
      </c>
      <c r="B102" s="4" t="s">
        <v>1292</v>
      </c>
      <c r="C102" s="13">
        <v>0</v>
      </c>
      <c r="D102" s="13">
        <v>0</v>
      </c>
      <c r="E102" s="13">
        <v>0</v>
      </c>
      <c r="F102" s="13">
        <v>0</v>
      </c>
    </row>
    <row r="103" spans="1:6" x14ac:dyDescent="0.25">
      <c r="A103" s="2" t="s">
        <v>145</v>
      </c>
      <c r="B103" s="4" t="s">
        <v>1293</v>
      </c>
      <c r="C103" s="13">
        <v>0</v>
      </c>
      <c r="D103" s="13">
        <v>0</v>
      </c>
      <c r="E103" s="13">
        <v>0</v>
      </c>
      <c r="F103" s="13">
        <v>0</v>
      </c>
    </row>
    <row r="104" spans="1:6" x14ac:dyDescent="0.25">
      <c r="A104" s="2" t="s">
        <v>147</v>
      </c>
      <c r="B104" s="4" t="s">
        <v>1248</v>
      </c>
      <c r="C104" s="13">
        <v>0</v>
      </c>
      <c r="D104" s="13">
        <v>0</v>
      </c>
      <c r="E104" s="13">
        <v>0</v>
      </c>
      <c r="F104" s="13">
        <v>0</v>
      </c>
    </row>
    <row r="105" spans="1:6" x14ac:dyDescent="0.25">
      <c r="C105" s="12"/>
      <c r="D105" s="12"/>
      <c r="E105" s="12"/>
      <c r="F105" s="12"/>
    </row>
    <row r="106" spans="1:6" x14ac:dyDescent="0.25">
      <c r="A106" s="10" t="s">
        <v>6</v>
      </c>
      <c r="B106" s="10" t="s">
        <v>1294</v>
      </c>
      <c r="C106" s="14" t="s">
        <v>1278</v>
      </c>
      <c r="D106" s="14" t="s">
        <v>1295</v>
      </c>
      <c r="E106" s="12"/>
      <c r="F106" s="12"/>
    </row>
    <row r="107" spans="1:6" x14ac:dyDescent="0.25">
      <c r="A107" s="10" t="s">
        <v>7</v>
      </c>
      <c r="B107" s="10" t="s">
        <v>7</v>
      </c>
      <c r="C107" s="14" t="s">
        <v>7</v>
      </c>
      <c r="D107" s="14" t="s">
        <v>7</v>
      </c>
      <c r="E107" s="12"/>
      <c r="F107" s="12"/>
    </row>
    <row r="108" spans="1:6" x14ac:dyDescent="0.25">
      <c r="A108" s="2" t="s">
        <v>149</v>
      </c>
      <c r="B108" s="4" t="s">
        <v>1296</v>
      </c>
      <c r="C108" s="13">
        <v>0</v>
      </c>
      <c r="D108" s="13">
        <v>0</v>
      </c>
      <c r="E108" s="12"/>
      <c r="F108" s="12"/>
    </row>
    <row r="109" spans="1:6" x14ac:dyDescent="0.25">
      <c r="A109" s="2" t="s">
        <v>151</v>
      </c>
      <c r="B109" s="4" t="s">
        <v>1297</v>
      </c>
      <c r="C109" s="13">
        <v>0</v>
      </c>
      <c r="D109" s="13">
        <v>0</v>
      </c>
      <c r="E109" s="12"/>
      <c r="F109" s="12"/>
    </row>
    <row r="110" spans="1:6" x14ac:dyDescent="0.25">
      <c r="C110" s="12"/>
      <c r="D110" s="12"/>
      <c r="E110" s="12"/>
      <c r="F110" s="12"/>
    </row>
    <row r="111" spans="1:6" x14ac:dyDescent="0.25">
      <c r="A111" s="10" t="s">
        <v>6</v>
      </c>
      <c r="B111" s="10" t="s">
        <v>1298</v>
      </c>
      <c r="C111" s="14" t="s">
        <v>1269</v>
      </c>
      <c r="D111" s="14" t="s">
        <v>1299</v>
      </c>
      <c r="E111" s="14" t="s">
        <v>1299</v>
      </c>
      <c r="F111" s="12"/>
    </row>
    <row r="112" spans="1:6" ht="21" x14ac:dyDescent="0.25">
      <c r="A112" s="10" t="s">
        <v>7</v>
      </c>
      <c r="B112" s="10" t="s">
        <v>7</v>
      </c>
      <c r="C112" s="14" t="s">
        <v>7</v>
      </c>
      <c r="D112" s="15" t="s">
        <v>1271</v>
      </c>
      <c r="E112" s="15" t="s">
        <v>1272</v>
      </c>
      <c r="F112" s="12"/>
    </row>
    <row r="113" spans="1:6" x14ac:dyDescent="0.25">
      <c r="A113" s="2" t="s">
        <v>153</v>
      </c>
      <c r="B113" s="4" t="s">
        <v>1300</v>
      </c>
      <c r="C113" s="13">
        <v>1119699376.6600001</v>
      </c>
      <c r="D113" s="13">
        <v>12</v>
      </c>
      <c r="E113" s="13">
        <v>11.33</v>
      </c>
      <c r="F113" s="12"/>
    </row>
    <row r="114" spans="1:6" x14ac:dyDescent="0.25">
      <c r="C114" s="12"/>
      <c r="D114" s="12"/>
      <c r="E114" s="12"/>
      <c r="F114" s="12"/>
    </row>
    <row r="115" spans="1:6" x14ac:dyDescent="0.25">
      <c r="A115" s="10" t="s">
        <v>6</v>
      </c>
      <c r="B115" s="10" t="s">
        <v>1301</v>
      </c>
      <c r="C115" s="14" t="s">
        <v>1302</v>
      </c>
      <c r="D115" s="12"/>
      <c r="E115" s="12"/>
      <c r="F115" s="12"/>
    </row>
    <row r="116" spans="1:6" x14ac:dyDescent="0.25">
      <c r="A116" s="10" t="s">
        <v>7</v>
      </c>
      <c r="B116" s="10" t="s">
        <v>7</v>
      </c>
      <c r="C116" s="14" t="s">
        <v>7</v>
      </c>
      <c r="D116" s="12"/>
      <c r="E116" s="12"/>
      <c r="F116" s="12"/>
    </row>
    <row r="117" spans="1:6" x14ac:dyDescent="0.25">
      <c r="A117" s="2" t="s">
        <v>154</v>
      </c>
      <c r="B117" s="4" t="s">
        <v>1303</v>
      </c>
      <c r="C117" s="13">
        <v>0</v>
      </c>
      <c r="D117" s="12"/>
      <c r="E117" s="12"/>
      <c r="F117" s="12"/>
    </row>
    <row r="118" spans="1:6" x14ac:dyDescent="0.25">
      <c r="C118" s="12"/>
      <c r="D118" s="12"/>
      <c r="E118" s="12"/>
      <c r="F118" s="12"/>
    </row>
    <row r="119" spans="1:6" x14ac:dyDescent="0.25">
      <c r="C119" s="12"/>
      <c r="D119" s="12"/>
      <c r="E119" s="12"/>
      <c r="F119" s="12"/>
    </row>
    <row r="120" spans="1:6" x14ac:dyDescent="0.25">
      <c r="C120" s="12"/>
      <c r="D120" s="12"/>
      <c r="E120" s="12"/>
      <c r="F120" s="12"/>
    </row>
    <row r="121" spans="1:6" x14ac:dyDescent="0.25">
      <c r="C121" s="12"/>
      <c r="D121" s="12"/>
      <c r="E121" s="12"/>
      <c r="F121" s="12"/>
    </row>
    <row r="122" spans="1:6" x14ac:dyDescent="0.25">
      <c r="C122" s="12"/>
      <c r="D122" s="12"/>
      <c r="E122" s="12"/>
      <c r="F122" s="12"/>
    </row>
    <row r="123" spans="1:6" x14ac:dyDescent="0.25">
      <c r="C123" s="12"/>
      <c r="D123" s="12"/>
      <c r="E123" s="12"/>
      <c r="F123" s="12"/>
    </row>
    <row r="124" spans="1:6" x14ac:dyDescent="0.25">
      <c r="C124" s="12"/>
      <c r="D124" s="12"/>
      <c r="E124" s="12"/>
      <c r="F124" s="12"/>
    </row>
    <row r="125" spans="1:6" x14ac:dyDescent="0.25">
      <c r="C125" s="12"/>
      <c r="D125" s="12"/>
      <c r="E125" s="12"/>
      <c r="F125" s="12"/>
    </row>
    <row r="126" spans="1:6" x14ac:dyDescent="0.25">
      <c r="C126" s="12"/>
      <c r="D126" s="12"/>
      <c r="E126" s="12"/>
      <c r="F126" s="12"/>
    </row>
    <row r="127" spans="1:6" x14ac:dyDescent="0.25">
      <c r="C127" s="12"/>
      <c r="D127" s="12"/>
      <c r="E127" s="12"/>
      <c r="F127" s="12"/>
    </row>
    <row r="128" spans="1:6" x14ac:dyDescent="0.25">
      <c r="C128" s="12"/>
      <c r="D128" s="12"/>
      <c r="E128" s="12"/>
      <c r="F128" s="12"/>
    </row>
    <row r="129" spans="3:6" x14ac:dyDescent="0.25">
      <c r="C129" s="12"/>
      <c r="D129" s="12"/>
      <c r="E129" s="12"/>
      <c r="F129" s="12"/>
    </row>
    <row r="130" spans="3:6" x14ac:dyDescent="0.25">
      <c r="C130" s="12"/>
      <c r="D130" s="12"/>
      <c r="E130" s="12"/>
      <c r="F130" s="12"/>
    </row>
    <row r="131" spans="3:6" x14ac:dyDescent="0.25">
      <c r="C131" s="12"/>
      <c r="D131" s="12"/>
      <c r="E131" s="12"/>
      <c r="F131" s="12"/>
    </row>
  </sheetData>
  <mergeCells count="54">
    <mergeCell ref="A111:A112"/>
    <mergeCell ref="B111:B112"/>
    <mergeCell ref="C111:C112"/>
    <mergeCell ref="D111:E111"/>
    <mergeCell ref="A115:A116"/>
    <mergeCell ref="B115:B116"/>
    <mergeCell ref="C115:C116"/>
    <mergeCell ref="E91:E92"/>
    <mergeCell ref="F91:F92"/>
    <mergeCell ref="A106:A107"/>
    <mergeCell ref="B106:B107"/>
    <mergeCell ref="C106:C107"/>
    <mergeCell ref="D106:D107"/>
    <mergeCell ref="A86:A87"/>
    <mergeCell ref="B86:B87"/>
    <mergeCell ref="C86:C87"/>
    <mergeCell ref="D86:D87"/>
    <mergeCell ref="A91:A92"/>
    <mergeCell ref="B91:B92"/>
    <mergeCell ref="C91:C92"/>
    <mergeCell ref="D91:D92"/>
    <mergeCell ref="F63:F64"/>
    <mergeCell ref="A79:A80"/>
    <mergeCell ref="B79:B80"/>
    <mergeCell ref="C79:C80"/>
    <mergeCell ref="D79:E79"/>
    <mergeCell ref="A63:A64"/>
    <mergeCell ref="B63:B64"/>
    <mergeCell ref="C63:C64"/>
    <mergeCell ref="D63:D64"/>
    <mergeCell ref="E63:E64"/>
    <mergeCell ref="A58:A59"/>
    <mergeCell ref="B58:B59"/>
    <mergeCell ref="C58:C59"/>
    <mergeCell ref="D58:D59"/>
    <mergeCell ref="E58:E59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R29"/>
  <sheetViews>
    <sheetView showGridLines="0" workbookViewId="0">
      <selection activeCell="E34" sqref="E34"/>
    </sheetView>
  </sheetViews>
  <sheetFormatPr defaultRowHeight="15" x14ac:dyDescent="0.25"/>
  <cols>
    <col min="1" max="1" width="1.85546875" bestFit="1" customWidth="1"/>
    <col min="2" max="2" width="64" bestFit="1" customWidth="1"/>
    <col min="3" max="14" width="19" bestFit="1" customWidth="1"/>
    <col min="15" max="15" width="20.140625" bestFit="1" customWidth="1"/>
    <col min="16" max="16" width="17.28515625" bestFit="1" customWidth="1"/>
    <col min="17" max="17" width="16" bestFit="1" customWidth="1"/>
    <col min="18" max="18" width="20.140625" bestFit="1" customWidth="1"/>
  </cols>
  <sheetData>
    <row r="3" spans="1:18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</row>
    <row r="4" spans="1:18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</row>
    <row r="5" spans="1:18" x14ac:dyDescent="0.25">
      <c r="A5" s="8" t="s">
        <v>37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</row>
    <row r="6" spans="1:18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</row>
    <row r="7" spans="1:18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  <c r="Q7" s="7"/>
      <c r="R7" s="7"/>
    </row>
    <row r="9" spans="1:18" x14ac:dyDescent="0.25">
      <c r="A9" s="9" t="s">
        <v>37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  <c r="Q9" s="7"/>
      <c r="R9" s="7"/>
    </row>
    <row r="10" spans="1:18" x14ac:dyDescent="0.25">
      <c r="A10" s="10" t="s">
        <v>6</v>
      </c>
      <c r="B10" s="10" t="s">
        <v>230</v>
      </c>
      <c r="C10" s="10" t="s">
        <v>372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385</v>
      </c>
    </row>
    <row r="11" spans="1:18" x14ac:dyDescent="0.25">
      <c r="A11" s="10" t="s">
        <v>7</v>
      </c>
      <c r="B11" s="10" t="s">
        <v>7</v>
      </c>
      <c r="C11" s="1" t="s">
        <v>373</v>
      </c>
      <c r="D11" s="1" t="s">
        <v>374</v>
      </c>
      <c r="E11" s="1" t="s">
        <v>375</v>
      </c>
      <c r="F11" s="1" t="s">
        <v>376</v>
      </c>
      <c r="G11" s="1" t="s">
        <v>377</v>
      </c>
      <c r="H11" s="1" t="s">
        <v>378</v>
      </c>
      <c r="I11" s="1" t="s">
        <v>379</v>
      </c>
      <c r="J11" s="1" t="s">
        <v>380</v>
      </c>
      <c r="K11" s="1" t="s">
        <v>381</v>
      </c>
      <c r="L11" s="1" t="s">
        <v>382</v>
      </c>
      <c r="M11" s="1" t="s">
        <v>383</v>
      </c>
      <c r="N11" s="1" t="s">
        <v>384</v>
      </c>
      <c r="O11" s="10" t="s">
        <v>7</v>
      </c>
    </row>
    <row r="12" spans="1:18" x14ac:dyDescent="0.25">
      <c r="A12" s="3" t="s">
        <v>17</v>
      </c>
      <c r="B12" s="5" t="s">
        <v>386</v>
      </c>
      <c r="C12" s="11">
        <v>1618521021.1600001</v>
      </c>
      <c r="D12" s="11">
        <v>1620205675.54</v>
      </c>
      <c r="E12" s="11">
        <v>1727036997.8399999</v>
      </c>
      <c r="F12" s="11">
        <v>2176477752.3600001</v>
      </c>
      <c r="G12" s="11">
        <v>1771059392.4200001</v>
      </c>
      <c r="H12" s="11">
        <v>1625357194.96</v>
      </c>
      <c r="I12" s="11">
        <v>1802987858.4100001</v>
      </c>
      <c r="J12" s="11">
        <v>1800700477.76</v>
      </c>
      <c r="K12" s="11">
        <v>1963749139.3399999</v>
      </c>
      <c r="L12" s="11">
        <v>1974060098.4400001</v>
      </c>
      <c r="M12" s="11">
        <v>1816057207.3199999</v>
      </c>
      <c r="N12" s="11">
        <v>1936530557.6400001</v>
      </c>
      <c r="O12" s="11">
        <v>21832743373.189999</v>
      </c>
      <c r="P12" s="12"/>
      <c r="Q12" s="12"/>
      <c r="R12" s="12"/>
    </row>
    <row r="13" spans="1:18" x14ac:dyDescent="0.25">
      <c r="A13" s="2" t="s">
        <v>19</v>
      </c>
      <c r="B13" s="4" t="s">
        <v>387</v>
      </c>
      <c r="C13" s="13">
        <v>1452118108.73</v>
      </c>
      <c r="D13" s="13">
        <v>1450733216.71</v>
      </c>
      <c r="E13" s="13">
        <v>1543848721.77</v>
      </c>
      <c r="F13" s="13">
        <v>1799700967.54</v>
      </c>
      <c r="G13" s="13">
        <v>1677776132.01</v>
      </c>
      <c r="H13" s="13">
        <v>1439906501.8</v>
      </c>
      <c r="I13" s="13">
        <v>1625518644.26</v>
      </c>
      <c r="J13" s="13">
        <v>1585273469.26</v>
      </c>
      <c r="K13" s="13">
        <v>1767735433.9200001</v>
      </c>
      <c r="L13" s="13">
        <v>1786801788.74</v>
      </c>
      <c r="M13" s="13">
        <v>1613522871.25</v>
      </c>
      <c r="N13" s="13">
        <v>1756000459.8900001</v>
      </c>
      <c r="O13" s="13">
        <v>19498936315.880001</v>
      </c>
      <c r="P13" s="12"/>
      <c r="Q13" s="12"/>
      <c r="R13" s="12"/>
    </row>
    <row r="14" spans="1:18" x14ac:dyDescent="0.25">
      <c r="A14" s="2" t="s">
        <v>21</v>
      </c>
      <c r="B14" s="4" t="s">
        <v>226</v>
      </c>
      <c r="C14" s="13">
        <v>166402912.43000001</v>
      </c>
      <c r="D14" s="13">
        <v>169472458.83000001</v>
      </c>
      <c r="E14" s="13">
        <v>183188276.06999999</v>
      </c>
      <c r="F14" s="13">
        <v>376776784.81999999</v>
      </c>
      <c r="G14" s="13">
        <v>93283260.409999996</v>
      </c>
      <c r="H14" s="13">
        <v>185450693.16</v>
      </c>
      <c r="I14" s="13">
        <v>177469214.15000001</v>
      </c>
      <c r="J14" s="13">
        <v>215427008.5</v>
      </c>
      <c r="K14" s="13">
        <v>196013705.41999999</v>
      </c>
      <c r="L14" s="13">
        <v>187258309.69999999</v>
      </c>
      <c r="M14" s="13">
        <v>202534336.06999999</v>
      </c>
      <c r="N14" s="13">
        <v>180530097.75</v>
      </c>
      <c r="O14" s="13">
        <v>2333807057.3099999</v>
      </c>
      <c r="P14" s="12"/>
      <c r="Q14" s="12"/>
      <c r="R14" s="12"/>
    </row>
    <row r="15" spans="1:18" x14ac:dyDescent="0.25">
      <c r="C15" s="12"/>
      <c r="D15" s="12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</row>
    <row r="16" spans="1:18" x14ac:dyDescent="0.25">
      <c r="A16" s="10" t="s">
        <v>6</v>
      </c>
      <c r="B16" s="10" t="s">
        <v>388</v>
      </c>
      <c r="C16" s="14" t="s">
        <v>389</v>
      </c>
      <c r="D16" s="14" t="s">
        <v>7</v>
      </c>
      <c r="E16" s="14" t="s">
        <v>7</v>
      </c>
      <c r="F16" s="14" t="s">
        <v>7</v>
      </c>
      <c r="G16" s="14" t="s">
        <v>7</v>
      </c>
      <c r="H16" s="14" t="s">
        <v>7</v>
      </c>
      <c r="I16" s="14" t="s">
        <v>7</v>
      </c>
      <c r="J16" s="14" t="s">
        <v>7</v>
      </c>
      <c r="K16" s="14" t="s">
        <v>7</v>
      </c>
      <c r="L16" s="14" t="s">
        <v>7</v>
      </c>
      <c r="M16" s="14" t="s">
        <v>7</v>
      </c>
      <c r="N16" s="14" t="s">
        <v>7</v>
      </c>
      <c r="O16" s="14" t="s">
        <v>390</v>
      </c>
      <c r="P16" s="14" t="s">
        <v>391</v>
      </c>
      <c r="Q16" s="14" t="s">
        <v>7</v>
      </c>
      <c r="R16" s="14" t="s">
        <v>394</v>
      </c>
    </row>
    <row r="17" spans="1:18" ht="42" x14ac:dyDescent="0.25">
      <c r="A17" s="10" t="s">
        <v>7</v>
      </c>
      <c r="B17" s="10" t="s">
        <v>7</v>
      </c>
      <c r="C17" s="15" t="s">
        <v>373</v>
      </c>
      <c r="D17" s="15" t="s">
        <v>374</v>
      </c>
      <c r="E17" s="15" t="s">
        <v>375</v>
      </c>
      <c r="F17" s="15" t="s">
        <v>376</v>
      </c>
      <c r="G17" s="15" t="s">
        <v>377</v>
      </c>
      <c r="H17" s="15" t="s">
        <v>378</v>
      </c>
      <c r="I17" s="15" t="s">
        <v>379</v>
      </c>
      <c r="J17" s="15" t="s">
        <v>380</v>
      </c>
      <c r="K17" s="15" t="s">
        <v>381</v>
      </c>
      <c r="L17" s="15" t="s">
        <v>382</v>
      </c>
      <c r="M17" s="15" t="s">
        <v>383</v>
      </c>
      <c r="N17" s="15" t="s">
        <v>384</v>
      </c>
      <c r="O17" s="14" t="s">
        <v>7</v>
      </c>
      <c r="P17" s="15" t="s">
        <v>392</v>
      </c>
      <c r="Q17" s="15" t="s">
        <v>393</v>
      </c>
      <c r="R17" s="14" t="s">
        <v>7</v>
      </c>
    </row>
    <row r="18" spans="1:18" x14ac:dyDescent="0.25">
      <c r="A18" s="3" t="s">
        <v>23</v>
      </c>
      <c r="B18" s="5" t="s">
        <v>395</v>
      </c>
      <c r="C18" s="11">
        <v>1267381434.2</v>
      </c>
      <c r="D18" s="11">
        <v>1256153616.8599999</v>
      </c>
      <c r="E18" s="11">
        <v>1293199726.6099999</v>
      </c>
      <c r="F18" s="11">
        <v>2231228016.46</v>
      </c>
      <c r="G18" s="11">
        <v>1169832839.48</v>
      </c>
      <c r="H18" s="11">
        <v>1290883066.02</v>
      </c>
      <c r="I18" s="11">
        <v>1419510668.3900001</v>
      </c>
      <c r="J18" s="11">
        <v>1425307254.8199999</v>
      </c>
      <c r="K18" s="11">
        <v>1455841085</v>
      </c>
      <c r="L18" s="11">
        <v>1589108946.21</v>
      </c>
      <c r="M18" s="11">
        <v>1539328293.54</v>
      </c>
      <c r="N18" s="11">
        <v>1530507030.0999999</v>
      </c>
      <c r="O18" s="11">
        <v>17468281977.689999</v>
      </c>
      <c r="P18" s="11">
        <v>366661568.51999998</v>
      </c>
      <c r="Q18" s="11">
        <v>46178695.619999997</v>
      </c>
      <c r="R18" s="11">
        <v>17788764850.59</v>
      </c>
    </row>
    <row r="19" spans="1:18" x14ac:dyDescent="0.25">
      <c r="A19" s="2" t="s">
        <v>25</v>
      </c>
      <c r="B19" s="4" t="s">
        <v>396</v>
      </c>
      <c r="C19" s="13">
        <v>1101107845.6900001</v>
      </c>
      <c r="D19" s="13">
        <v>1087921916</v>
      </c>
      <c r="E19" s="13">
        <v>1115084746.3299999</v>
      </c>
      <c r="F19" s="13">
        <v>1922943784.77</v>
      </c>
      <c r="G19" s="13">
        <v>990472805.45000005</v>
      </c>
      <c r="H19" s="13">
        <v>1105928781.9200001</v>
      </c>
      <c r="I19" s="13">
        <v>1231924791.8800001</v>
      </c>
      <c r="J19" s="13">
        <v>1239989712.8499999</v>
      </c>
      <c r="K19" s="13">
        <v>1264765637.6099999</v>
      </c>
      <c r="L19" s="13">
        <v>1393901256.3800001</v>
      </c>
      <c r="M19" s="13">
        <v>1351482204.4300001</v>
      </c>
      <c r="N19" s="13">
        <v>1342297954.0899999</v>
      </c>
      <c r="O19" s="13">
        <v>15147821437.4</v>
      </c>
      <c r="P19" s="13">
        <v>366661568.51999998</v>
      </c>
      <c r="Q19" s="13">
        <v>46178695.619999997</v>
      </c>
      <c r="R19" s="13">
        <v>15468304310.299999</v>
      </c>
    </row>
    <row r="20" spans="1:18" x14ac:dyDescent="0.25">
      <c r="A20" s="2" t="s">
        <v>27</v>
      </c>
      <c r="B20" s="4" t="s">
        <v>349</v>
      </c>
      <c r="C20" s="13">
        <v>166273588.50999999</v>
      </c>
      <c r="D20" s="13">
        <v>168231700.86000001</v>
      </c>
      <c r="E20" s="13">
        <v>178114980.28</v>
      </c>
      <c r="F20" s="13">
        <v>308284231.69</v>
      </c>
      <c r="G20" s="13">
        <v>179360034.03</v>
      </c>
      <c r="H20" s="13">
        <v>184954284.09999999</v>
      </c>
      <c r="I20" s="13">
        <v>187585876.50999999</v>
      </c>
      <c r="J20" s="13">
        <v>185317541.97</v>
      </c>
      <c r="K20" s="13">
        <v>191075447.38999999</v>
      </c>
      <c r="L20" s="13">
        <v>195207689.83000001</v>
      </c>
      <c r="M20" s="13">
        <v>187846089.11000001</v>
      </c>
      <c r="N20" s="13">
        <v>188209076.00999999</v>
      </c>
      <c r="O20" s="13">
        <v>2320460540.29</v>
      </c>
      <c r="P20" s="13">
        <v>0</v>
      </c>
      <c r="Q20" s="13">
        <v>0</v>
      </c>
      <c r="R20" s="13">
        <v>2320460540.29</v>
      </c>
    </row>
    <row r="21" spans="1:18" x14ac:dyDescent="0.25">
      <c r="C21" s="12"/>
      <c r="D21" s="12"/>
      <c r="E21" s="12"/>
      <c r="F21" s="12"/>
      <c r="G21" s="12"/>
      <c r="H21" s="12"/>
      <c r="I21" s="12"/>
      <c r="J21" s="12"/>
      <c r="K21" s="12"/>
      <c r="L21" s="12"/>
      <c r="M21" s="12"/>
      <c r="N21" s="12"/>
      <c r="O21" s="12"/>
      <c r="P21" s="12"/>
      <c r="Q21" s="12"/>
      <c r="R21" s="12"/>
    </row>
    <row r="22" spans="1:18" x14ac:dyDescent="0.25">
      <c r="A22" s="10" t="s">
        <v>6</v>
      </c>
      <c r="B22" s="10" t="s">
        <v>397</v>
      </c>
      <c r="C22" s="14" t="s">
        <v>398</v>
      </c>
      <c r="D22" s="12"/>
      <c r="E22" s="12"/>
      <c r="F22" s="12"/>
      <c r="G22" s="12"/>
      <c r="H22" s="12"/>
      <c r="I22" s="12"/>
      <c r="J22" s="12"/>
      <c r="K22" s="12"/>
      <c r="L22" s="12"/>
      <c r="M22" s="12"/>
      <c r="N22" s="12"/>
      <c r="O22" s="12"/>
      <c r="P22" s="12"/>
      <c r="Q22" s="12"/>
      <c r="R22" s="12"/>
    </row>
    <row r="23" spans="1:18" x14ac:dyDescent="0.25">
      <c r="A23" s="10" t="s">
        <v>7</v>
      </c>
      <c r="B23" s="10" t="s">
        <v>7</v>
      </c>
      <c r="C23" s="14" t="s">
        <v>7</v>
      </c>
      <c r="D23" s="12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  <c r="Q23" s="12"/>
      <c r="R23" s="12"/>
    </row>
    <row r="24" spans="1:18" x14ac:dyDescent="0.25">
      <c r="A24" s="2" t="s">
        <v>29</v>
      </c>
      <c r="B24" s="4" t="s">
        <v>399</v>
      </c>
      <c r="C24" s="13">
        <v>81.48</v>
      </c>
      <c r="D24" s="12"/>
      <c r="E24" s="12"/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</row>
    <row r="25" spans="1:18" x14ac:dyDescent="0.25">
      <c r="C25" s="12"/>
      <c r="D25" s="12"/>
      <c r="E25" s="12"/>
      <c r="F25" s="12"/>
      <c r="G25" s="12"/>
      <c r="H25" s="12"/>
      <c r="I25" s="12"/>
      <c r="J25" s="12"/>
      <c r="K25" s="12"/>
      <c r="L25" s="12"/>
      <c r="M25" s="12"/>
      <c r="N25" s="12"/>
      <c r="O25" s="12"/>
      <c r="P25" s="12"/>
      <c r="Q25" s="12"/>
      <c r="R25" s="12"/>
    </row>
    <row r="26" spans="1:18" x14ac:dyDescent="0.25">
      <c r="A26" s="10" t="s">
        <v>6</v>
      </c>
      <c r="B26" s="10" t="s">
        <v>400</v>
      </c>
      <c r="C26" s="14" t="s">
        <v>401</v>
      </c>
      <c r="D26" s="14" t="s">
        <v>402</v>
      </c>
      <c r="E26" s="14" t="s">
        <v>403</v>
      </c>
      <c r="F26" s="14" t="s">
        <v>404</v>
      </c>
      <c r="G26" s="12"/>
      <c r="H26" s="12"/>
      <c r="I26" s="12"/>
      <c r="J26" s="12"/>
      <c r="K26" s="12"/>
      <c r="L26" s="12"/>
      <c r="M26" s="12"/>
      <c r="N26" s="12"/>
      <c r="O26" s="12"/>
      <c r="P26" s="12"/>
      <c r="Q26" s="12"/>
      <c r="R26" s="12"/>
    </row>
    <row r="27" spans="1:18" x14ac:dyDescent="0.25">
      <c r="A27" s="10" t="s">
        <v>7</v>
      </c>
      <c r="B27" s="10" t="s">
        <v>7</v>
      </c>
      <c r="C27" s="14" t="s">
        <v>7</v>
      </c>
      <c r="D27" s="14" t="s">
        <v>7</v>
      </c>
      <c r="E27" s="14" t="s">
        <v>7</v>
      </c>
      <c r="F27" s="14" t="s">
        <v>7</v>
      </c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</row>
    <row r="28" spans="1:18" x14ac:dyDescent="0.25">
      <c r="A28" s="2" t="s">
        <v>31</v>
      </c>
      <c r="B28" s="4" t="s">
        <v>405</v>
      </c>
      <c r="C28" s="13">
        <v>95</v>
      </c>
      <c r="D28" s="13">
        <v>0</v>
      </c>
      <c r="E28" s="13">
        <v>0</v>
      </c>
      <c r="F28" s="13">
        <v>0</v>
      </c>
      <c r="G28" s="12"/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</row>
    <row r="29" spans="1:18" x14ac:dyDescent="0.25">
      <c r="C29" s="12"/>
      <c r="D29" s="12"/>
      <c r="E29" s="12"/>
      <c r="F29" s="12"/>
      <c r="G29" s="12"/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2"/>
    </row>
  </sheetData>
  <mergeCells count="25">
    <mergeCell ref="R16:R17"/>
    <mergeCell ref="A22:A23"/>
    <mergeCell ref="B22:B23"/>
    <mergeCell ref="C22:C23"/>
    <mergeCell ref="A26:A27"/>
    <mergeCell ref="B26:B27"/>
    <mergeCell ref="C26:C27"/>
    <mergeCell ref="D26:D27"/>
    <mergeCell ref="E26:E27"/>
    <mergeCell ref="F26:F27"/>
    <mergeCell ref="A16:A17"/>
    <mergeCell ref="B16:B17"/>
    <mergeCell ref="C16:N16"/>
    <mergeCell ref="O16:O17"/>
    <mergeCell ref="P16:Q16"/>
    <mergeCell ref="A9:R9"/>
    <mergeCell ref="A10:A11"/>
    <mergeCell ref="B10:B11"/>
    <mergeCell ref="C10:N10"/>
    <mergeCell ref="O10:O11"/>
    <mergeCell ref="A3:R3"/>
    <mergeCell ref="A4:R4"/>
    <mergeCell ref="A5:R5"/>
    <mergeCell ref="A6:R6"/>
    <mergeCell ref="A7:R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33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40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40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408</v>
      </c>
      <c r="C10" s="10" t="s">
        <v>409</v>
      </c>
      <c r="D10" s="10" t="s">
        <v>410</v>
      </c>
      <c r="E10" s="10" t="s">
        <v>170</v>
      </c>
      <c r="F10" s="10" t="s">
        <v>7</v>
      </c>
      <c r="G10" s="10" t="s">
        <v>7</v>
      </c>
      <c r="H10" s="10" t="s">
        <v>413</v>
      </c>
      <c r="I10" s="10" t="s">
        <v>174</v>
      </c>
      <c r="J10" s="10" t="s">
        <v>7</v>
      </c>
      <c r="K10" s="10" t="s">
        <v>7</v>
      </c>
      <c r="L10" s="10" t="s">
        <v>416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71</v>
      </c>
      <c r="F11" s="1" t="s">
        <v>411</v>
      </c>
      <c r="G11" s="1" t="s">
        <v>412</v>
      </c>
      <c r="H11" s="10" t="s">
        <v>7</v>
      </c>
      <c r="I11" s="1" t="s">
        <v>171</v>
      </c>
      <c r="J11" s="1" t="s">
        <v>414</v>
      </c>
      <c r="K11" s="1" t="s">
        <v>415</v>
      </c>
      <c r="L11" s="10" t="s">
        <v>7</v>
      </c>
    </row>
    <row r="12" spans="1:12" x14ac:dyDescent="0.25">
      <c r="A12" s="3" t="s">
        <v>17</v>
      </c>
      <c r="B12" s="5" t="s">
        <v>417</v>
      </c>
      <c r="C12" s="11">
        <v>16623418000</v>
      </c>
      <c r="D12" s="11">
        <v>20219260072.41</v>
      </c>
      <c r="E12" s="11">
        <v>2950670217.8699999</v>
      </c>
      <c r="F12" s="11">
        <v>14895567758.719999</v>
      </c>
      <c r="G12" s="11">
        <v>90.32</v>
      </c>
      <c r="H12" s="11">
        <v>5323692313.6899996</v>
      </c>
      <c r="I12" s="11">
        <v>3407765699.8099999</v>
      </c>
      <c r="J12" s="11">
        <v>11920727343.389999</v>
      </c>
      <c r="K12" s="11">
        <v>88.85</v>
      </c>
      <c r="L12" s="11">
        <v>8298532729.0200005</v>
      </c>
    </row>
    <row r="13" spans="1:12" x14ac:dyDescent="0.25">
      <c r="A13" s="3" t="s">
        <v>19</v>
      </c>
      <c r="B13" s="5" t="s">
        <v>418</v>
      </c>
      <c r="C13" s="11">
        <v>572535500</v>
      </c>
      <c r="D13" s="11">
        <v>575335500</v>
      </c>
      <c r="E13" s="11">
        <v>53592776.399999999</v>
      </c>
      <c r="F13" s="11">
        <v>407245374.56</v>
      </c>
      <c r="G13" s="11">
        <v>2.4700000000000002</v>
      </c>
      <c r="H13" s="11">
        <v>168090125.44</v>
      </c>
      <c r="I13" s="11">
        <v>73971603.909999996</v>
      </c>
      <c r="J13" s="11">
        <v>280617420.75999999</v>
      </c>
      <c r="K13" s="11">
        <v>2.09</v>
      </c>
      <c r="L13" s="11">
        <v>294718079.24000001</v>
      </c>
    </row>
    <row r="14" spans="1:12" x14ac:dyDescent="0.25">
      <c r="A14" s="2" t="s">
        <v>21</v>
      </c>
      <c r="B14" s="4" t="s">
        <v>419</v>
      </c>
      <c r="C14" s="13">
        <v>294114000</v>
      </c>
      <c r="D14" s="13">
        <v>296914000</v>
      </c>
      <c r="E14" s="13">
        <v>35303284.399999999</v>
      </c>
      <c r="F14" s="13">
        <v>175471231.56999999</v>
      </c>
      <c r="G14" s="13">
        <v>1.06</v>
      </c>
      <c r="H14" s="13">
        <v>121442768.43000001</v>
      </c>
      <c r="I14" s="13">
        <v>36126456.460000001</v>
      </c>
      <c r="J14" s="13">
        <v>144863062.83000001</v>
      </c>
      <c r="K14" s="13">
        <v>1.08</v>
      </c>
      <c r="L14" s="13">
        <v>152050937.16999999</v>
      </c>
    </row>
    <row r="15" spans="1:12" x14ac:dyDescent="0.25">
      <c r="A15" s="2" t="s">
        <v>23</v>
      </c>
      <c r="B15" s="4" t="s">
        <v>420</v>
      </c>
      <c r="C15" s="13">
        <v>276621500</v>
      </c>
      <c r="D15" s="13">
        <v>276621500</v>
      </c>
      <c r="E15" s="13">
        <v>18289492</v>
      </c>
      <c r="F15" s="13">
        <v>230168253.03</v>
      </c>
      <c r="G15" s="13">
        <v>1.4</v>
      </c>
      <c r="H15" s="13">
        <v>46453246.969999999</v>
      </c>
      <c r="I15" s="13">
        <v>37581247.409999996</v>
      </c>
      <c r="J15" s="13">
        <v>134713069.28</v>
      </c>
      <c r="K15" s="13">
        <v>1</v>
      </c>
      <c r="L15" s="13">
        <v>141908430.72</v>
      </c>
    </row>
    <row r="16" spans="1:12" x14ac:dyDescent="0.25">
      <c r="A16" s="2" t="s">
        <v>25</v>
      </c>
      <c r="B16" s="4" t="s">
        <v>421</v>
      </c>
      <c r="C16" s="13">
        <v>1800000</v>
      </c>
      <c r="D16" s="13">
        <v>1800000</v>
      </c>
      <c r="E16" s="13">
        <v>0</v>
      </c>
      <c r="F16" s="13">
        <v>1605889.96</v>
      </c>
      <c r="G16" s="13">
        <v>0.01</v>
      </c>
      <c r="H16" s="13">
        <v>194110.04</v>
      </c>
      <c r="I16" s="13">
        <v>263900.03999999998</v>
      </c>
      <c r="J16" s="13">
        <v>1041288.65</v>
      </c>
      <c r="K16" s="13">
        <v>0.01</v>
      </c>
      <c r="L16" s="13">
        <v>758711.35</v>
      </c>
    </row>
    <row r="17" spans="1:12" x14ac:dyDescent="0.25">
      <c r="A17" s="3" t="s">
        <v>27</v>
      </c>
      <c r="B17" s="5" t="s">
        <v>422</v>
      </c>
      <c r="C17" s="11">
        <v>1065908600</v>
      </c>
      <c r="D17" s="11">
        <v>1139484405</v>
      </c>
      <c r="E17" s="11">
        <v>13896449.25</v>
      </c>
      <c r="F17" s="11">
        <v>1037660847.29</v>
      </c>
      <c r="G17" s="11">
        <v>6.3</v>
      </c>
      <c r="H17" s="11">
        <v>101823557.70999999</v>
      </c>
      <c r="I17" s="11">
        <v>184304187.83000001</v>
      </c>
      <c r="J17" s="11">
        <v>681655125.79999995</v>
      </c>
      <c r="K17" s="11">
        <v>5.08</v>
      </c>
      <c r="L17" s="11">
        <v>457829279.19999999</v>
      </c>
    </row>
    <row r="18" spans="1:12" x14ac:dyDescent="0.25">
      <c r="A18" s="2" t="s">
        <v>29</v>
      </c>
      <c r="B18" s="4" t="s">
        <v>423</v>
      </c>
      <c r="C18" s="13">
        <v>1017021200</v>
      </c>
      <c r="D18" s="13">
        <v>1076568284</v>
      </c>
      <c r="E18" s="13">
        <v>7130528.5700000003</v>
      </c>
      <c r="F18" s="13">
        <v>987415336.39999998</v>
      </c>
      <c r="G18" s="13">
        <v>5.99</v>
      </c>
      <c r="H18" s="13">
        <v>89152947.599999994</v>
      </c>
      <c r="I18" s="13">
        <v>178471130.62</v>
      </c>
      <c r="J18" s="13">
        <v>661029636.01999998</v>
      </c>
      <c r="K18" s="13">
        <v>4.93</v>
      </c>
      <c r="L18" s="13">
        <v>415538647.98000002</v>
      </c>
    </row>
    <row r="19" spans="1:12" x14ac:dyDescent="0.25">
      <c r="A19" s="2" t="s">
        <v>31</v>
      </c>
      <c r="B19" s="4" t="s">
        <v>424</v>
      </c>
      <c r="C19" s="13">
        <v>0</v>
      </c>
      <c r="D19" s="13">
        <v>0</v>
      </c>
      <c r="E19" s="13">
        <v>0</v>
      </c>
      <c r="F19" s="13">
        <v>0</v>
      </c>
      <c r="G19" s="13">
        <v>0</v>
      </c>
      <c r="H19" s="13">
        <v>0</v>
      </c>
      <c r="I19" s="13">
        <v>0</v>
      </c>
      <c r="J19" s="13">
        <v>0</v>
      </c>
      <c r="K19" s="13">
        <v>0</v>
      </c>
      <c r="L19" s="13">
        <v>0</v>
      </c>
    </row>
    <row r="20" spans="1:12" x14ac:dyDescent="0.25">
      <c r="A20" s="2" t="s">
        <v>33</v>
      </c>
      <c r="B20" s="4" t="s">
        <v>425</v>
      </c>
      <c r="C20" s="13">
        <v>40128500</v>
      </c>
      <c r="D20" s="13">
        <v>53857221</v>
      </c>
      <c r="E20" s="13">
        <v>6172070.8499999996</v>
      </c>
      <c r="F20" s="13">
        <v>42069897.030000001</v>
      </c>
      <c r="G20" s="13">
        <v>0.26</v>
      </c>
      <c r="H20" s="13">
        <v>11787323.970000001</v>
      </c>
      <c r="I20" s="13">
        <v>4309766.8</v>
      </c>
      <c r="J20" s="13">
        <v>15868972.73</v>
      </c>
      <c r="K20" s="13">
        <v>0.12</v>
      </c>
      <c r="L20" s="13">
        <v>37988248.270000003</v>
      </c>
    </row>
    <row r="21" spans="1:12" x14ac:dyDescent="0.25">
      <c r="A21" s="2" t="s">
        <v>35</v>
      </c>
      <c r="B21" s="4" t="s">
        <v>426</v>
      </c>
      <c r="C21" s="13">
        <v>3423200</v>
      </c>
      <c r="D21" s="13">
        <v>3423200</v>
      </c>
      <c r="E21" s="13">
        <v>226532.7</v>
      </c>
      <c r="F21" s="13">
        <v>3138301.31</v>
      </c>
      <c r="G21" s="13">
        <v>0.02</v>
      </c>
      <c r="H21" s="13">
        <v>284898.69</v>
      </c>
      <c r="I21" s="13">
        <v>461229.94</v>
      </c>
      <c r="J21" s="13">
        <v>1884621.87</v>
      </c>
      <c r="K21" s="13">
        <v>0.01</v>
      </c>
      <c r="L21" s="13">
        <v>1538578.13</v>
      </c>
    </row>
    <row r="22" spans="1:12" x14ac:dyDescent="0.25">
      <c r="A22" s="2" t="s">
        <v>37</v>
      </c>
      <c r="B22" s="4" t="s">
        <v>427</v>
      </c>
      <c r="C22" s="13">
        <v>4635700</v>
      </c>
      <c r="D22" s="13">
        <v>4935700</v>
      </c>
      <c r="E22" s="13">
        <v>367317.13</v>
      </c>
      <c r="F22" s="13">
        <v>4355745.47</v>
      </c>
      <c r="G22" s="13">
        <v>0.03</v>
      </c>
      <c r="H22" s="13">
        <v>579954.53</v>
      </c>
      <c r="I22" s="13">
        <v>946666.84</v>
      </c>
      <c r="J22" s="13">
        <v>2416598.3199999998</v>
      </c>
      <c r="K22" s="13">
        <v>0.02</v>
      </c>
      <c r="L22" s="13">
        <v>2519101.6800000002</v>
      </c>
    </row>
    <row r="23" spans="1:12" x14ac:dyDescent="0.25">
      <c r="A23" s="2" t="s">
        <v>39</v>
      </c>
      <c r="B23" s="4" t="s">
        <v>421</v>
      </c>
      <c r="C23" s="13">
        <v>700000</v>
      </c>
      <c r="D23" s="13">
        <v>700000</v>
      </c>
      <c r="E23" s="13">
        <v>0</v>
      </c>
      <c r="F23" s="13">
        <v>681567.08</v>
      </c>
      <c r="G23" s="13">
        <v>0</v>
      </c>
      <c r="H23" s="13">
        <v>18432.919999999998</v>
      </c>
      <c r="I23" s="13">
        <v>115393.63</v>
      </c>
      <c r="J23" s="13">
        <v>455296.86</v>
      </c>
      <c r="K23" s="13">
        <v>0</v>
      </c>
      <c r="L23" s="13">
        <v>244703.14</v>
      </c>
    </row>
    <row r="24" spans="1:12" x14ac:dyDescent="0.25">
      <c r="A24" s="3" t="s">
        <v>41</v>
      </c>
      <c r="B24" s="5" t="s">
        <v>428</v>
      </c>
      <c r="C24" s="11">
        <v>1153846000</v>
      </c>
      <c r="D24" s="11">
        <v>1202369212.0999999</v>
      </c>
      <c r="E24" s="11">
        <v>238283793.68000001</v>
      </c>
      <c r="F24" s="11">
        <v>820293105.94000006</v>
      </c>
      <c r="G24" s="11">
        <v>4.9800000000000004</v>
      </c>
      <c r="H24" s="11">
        <v>382076106.16000003</v>
      </c>
      <c r="I24" s="11">
        <v>184690116.38999999</v>
      </c>
      <c r="J24" s="11">
        <v>708018220.13999999</v>
      </c>
      <c r="K24" s="11">
        <v>5.27</v>
      </c>
      <c r="L24" s="11">
        <v>494350991.95999998</v>
      </c>
    </row>
    <row r="25" spans="1:12" x14ac:dyDescent="0.25">
      <c r="A25" s="2" t="s">
        <v>43</v>
      </c>
      <c r="B25" s="4" t="s">
        <v>429</v>
      </c>
      <c r="C25" s="13">
        <v>534844200</v>
      </c>
      <c r="D25" s="13">
        <v>535023500</v>
      </c>
      <c r="E25" s="13">
        <v>89530087.790000007</v>
      </c>
      <c r="F25" s="13">
        <v>327312577.33999997</v>
      </c>
      <c r="G25" s="13">
        <v>1.98</v>
      </c>
      <c r="H25" s="13">
        <v>207710922.66</v>
      </c>
      <c r="I25" s="13">
        <v>79751781.810000002</v>
      </c>
      <c r="J25" s="13">
        <v>296325269.56999999</v>
      </c>
      <c r="K25" s="13">
        <v>2.21</v>
      </c>
      <c r="L25" s="13">
        <v>238698230.43000001</v>
      </c>
    </row>
    <row r="26" spans="1:12" x14ac:dyDescent="0.25">
      <c r="A26" s="2" t="s">
        <v>45</v>
      </c>
      <c r="B26" s="4" t="s">
        <v>430</v>
      </c>
      <c r="C26" s="13">
        <v>121911600</v>
      </c>
      <c r="D26" s="13">
        <v>122364200</v>
      </c>
      <c r="E26" s="13">
        <v>8095381.75</v>
      </c>
      <c r="F26" s="13">
        <v>50411565.520000003</v>
      </c>
      <c r="G26" s="13">
        <v>0.31</v>
      </c>
      <c r="H26" s="13">
        <v>71952634.480000004</v>
      </c>
      <c r="I26" s="13">
        <v>13136450.09</v>
      </c>
      <c r="J26" s="13">
        <v>48401802.960000001</v>
      </c>
      <c r="K26" s="13">
        <v>0.36</v>
      </c>
      <c r="L26" s="13">
        <v>73962397.040000007</v>
      </c>
    </row>
    <row r="27" spans="1:12" x14ac:dyDescent="0.25">
      <c r="A27" s="2" t="s">
        <v>47</v>
      </c>
      <c r="B27" s="4" t="s">
        <v>424</v>
      </c>
      <c r="C27" s="13">
        <v>22834000</v>
      </c>
      <c r="D27" s="13">
        <v>31814000</v>
      </c>
      <c r="E27" s="13">
        <v>1971193.22</v>
      </c>
      <c r="F27" s="13">
        <v>27289274.850000001</v>
      </c>
      <c r="G27" s="13">
        <v>0.17</v>
      </c>
      <c r="H27" s="13">
        <v>4524725.1500000004</v>
      </c>
      <c r="I27" s="13">
        <v>3265875.18</v>
      </c>
      <c r="J27" s="13">
        <v>18659471.280000001</v>
      </c>
      <c r="K27" s="13">
        <v>0.14000000000000001</v>
      </c>
      <c r="L27" s="13">
        <v>13154528.720000001</v>
      </c>
    </row>
    <row r="28" spans="1:12" x14ac:dyDescent="0.25">
      <c r="A28" s="2" t="s">
        <v>49</v>
      </c>
      <c r="B28" s="4" t="s">
        <v>426</v>
      </c>
      <c r="C28" s="13">
        <v>1624000</v>
      </c>
      <c r="D28" s="13">
        <v>17275382</v>
      </c>
      <c r="E28" s="13">
        <v>124822.3</v>
      </c>
      <c r="F28" s="13">
        <v>16427141.939999999</v>
      </c>
      <c r="G28" s="13">
        <v>0.1</v>
      </c>
      <c r="H28" s="13">
        <v>848240.06</v>
      </c>
      <c r="I28" s="13">
        <v>125194.02</v>
      </c>
      <c r="J28" s="13">
        <v>16340653.07</v>
      </c>
      <c r="K28" s="13">
        <v>0.12</v>
      </c>
      <c r="L28" s="13">
        <v>934728.93</v>
      </c>
    </row>
    <row r="29" spans="1:12" x14ac:dyDescent="0.25">
      <c r="A29" s="2" t="s">
        <v>51</v>
      </c>
      <c r="B29" s="4" t="s">
        <v>431</v>
      </c>
      <c r="C29" s="13">
        <v>196048600</v>
      </c>
      <c r="D29" s="13">
        <v>205008530.09999999</v>
      </c>
      <c r="E29" s="13">
        <v>79141273.75</v>
      </c>
      <c r="F29" s="13">
        <v>183559232.99000001</v>
      </c>
      <c r="G29" s="13">
        <v>1.1100000000000001</v>
      </c>
      <c r="H29" s="13">
        <v>21449297.109999999</v>
      </c>
      <c r="I29" s="13">
        <v>28966522.449999999</v>
      </c>
      <c r="J29" s="13">
        <v>112997709.95999999</v>
      </c>
      <c r="K29" s="13">
        <v>0.84</v>
      </c>
      <c r="L29" s="13">
        <v>92010820.140000001</v>
      </c>
    </row>
    <row r="30" spans="1:12" x14ac:dyDescent="0.25">
      <c r="A30" s="2" t="s">
        <v>53</v>
      </c>
      <c r="B30" s="4" t="s">
        <v>421</v>
      </c>
      <c r="C30" s="13">
        <v>276583600</v>
      </c>
      <c r="D30" s="13">
        <v>290883600</v>
      </c>
      <c r="E30" s="13">
        <v>59421034.869999997</v>
      </c>
      <c r="F30" s="13">
        <v>215293313.30000001</v>
      </c>
      <c r="G30" s="13">
        <v>1.31</v>
      </c>
      <c r="H30" s="13">
        <v>75590286.700000003</v>
      </c>
      <c r="I30" s="13">
        <v>59444292.840000004</v>
      </c>
      <c r="J30" s="13">
        <v>215293313.30000001</v>
      </c>
      <c r="K30" s="13">
        <v>1.6</v>
      </c>
      <c r="L30" s="13">
        <v>75590286.700000003</v>
      </c>
    </row>
    <row r="31" spans="1:12" x14ac:dyDescent="0.25">
      <c r="A31" s="3" t="s">
        <v>55</v>
      </c>
      <c r="B31" s="5" t="s">
        <v>432</v>
      </c>
      <c r="C31" s="11">
        <v>1186298300</v>
      </c>
      <c r="D31" s="11">
        <v>1511207889.97</v>
      </c>
      <c r="E31" s="11">
        <v>266810050.05000001</v>
      </c>
      <c r="F31" s="11">
        <v>922589595.50999999</v>
      </c>
      <c r="G31" s="11">
        <v>5.59</v>
      </c>
      <c r="H31" s="11">
        <v>588618294.46000004</v>
      </c>
      <c r="I31" s="11">
        <v>247883181.68000001</v>
      </c>
      <c r="J31" s="11">
        <v>723646324.83000004</v>
      </c>
      <c r="K31" s="11">
        <v>5.39</v>
      </c>
      <c r="L31" s="11">
        <v>787561565.13999999</v>
      </c>
    </row>
    <row r="32" spans="1:12" x14ac:dyDescent="0.25">
      <c r="A32" s="2" t="s">
        <v>57</v>
      </c>
      <c r="B32" s="4" t="s">
        <v>424</v>
      </c>
      <c r="C32" s="13">
        <v>1125248000</v>
      </c>
      <c r="D32" s="13">
        <v>1173487867.55</v>
      </c>
      <c r="E32" s="13">
        <v>188288994.58000001</v>
      </c>
      <c r="F32" s="13">
        <v>752239118.88</v>
      </c>
      <c r="G32" s="13">
        <v>4.5599999999999996</v>
      </c>
      <c r="H32" s="13">
        <v>421248748.67000002</v>
      </c>
      <c r="I32" s="13">
        <v>165850852.22</v>
      </c>
      <c r="J32" s="13">
        <v>579388745.33000004</v>
      </c>
      <c r="K32" s="13">
        <v>4.32</v>
      </c>
      <c r="L32" s="13">
        <v>594099122.22000003</v>
      </c>
    </row>
    <row r="33" spans="1:12" x14ac:dyDescent="0.25">
      <c r="A33" s="2" t="s">
        <v>59</v>
      </c>
      <c r="B33" s="4" t="s">
        <v>433</v>
      </c>
      <c r="C33" s="13">
        <v>34803300</v>
      </c>
      <c r="D33" s="13">
        <v>284011536</v>
      </c>
      <c r="E33" s="13">
        <v>67689463</v>
      </c>
      <c r="F33" s="13">
        <v>143155479.28999999</v>
      </c>
      <c r="G33" s="13">
        <v>0.87</v>
      </c>
      <c r="H33" s="13">
        <v>140856056.71000001</v>
      </c>
      <c r="I33" s="13">
        <v>73784106.659999996</v>
      </c>
      <c r="J33" s="13">
        <v>122151360.5</v>
      </c>
      <c r="K33" s="13">
        <v>0.91</v>
      </c>
      <c r="L33" s="13">
        <v>161860175.5</v>
      </c>
    </row>
    <row r="34" spans="1:12" x14ac:dyDescent="0.25">
      <c r="A34" s="2" t="s">
        <v>61</v>
      </c>
      <c r="B34" s="4" t="s">
        <v>434</v>
      </c>
      <c r="C34" s="13">
        <v>14352200</v>
      </c>
      <c r="D34" s="13">
        <v>16140636.42</v>
      </c>
      <c r="E34" s="13">
        <v>2321431.4900000002</v>
      </c>
      <c r="F34" s="13">
        <v>9968225.7400000002</v>
      </c>
      <c r="G34" s="13">
        <v>0.06</v>
      </c>
      <c r="H34" s="13">
        <v>6172410.6799999997</v>
      </c>
      <c r="I34" s="13">
        <v>2765853.27</v>
      </c>
      <c r="J34" s="13">
        <v>9857444.0700000003</v>
      </c>
      <c r="K34" s="13">
        <v>7.0000000000000007E-2</v>
      </c>
      <c r="L34" s="13">
        <v>6283192.3499999996</v>
      </c>
    </row>
    <row r="35" spans="1:12" x14ac:dyDescent="0.25">
      <c r="A35" s="2" t="s">
        <v>63</v>
      </c>
      <c r="B35" s="4" t="s">
        <v>425</v>
      </c>
      <c r="C35" s="13">
        <v>4100</v>
      </c>
      <c r="D35" s="13">
        <v>4649650</v>
      </c>
      <c r="E35" s="13">
        <v>2987451.78</v>
      </c>
      <c r="F35" s="13">
        <v>4489621.51</v>
      </c>
      <c r="G35" s="13">
        <v>0.03</v>
      </c>
      <c r="H35" s="13">
        <v>160028.49</v>
      </c>
      <c r="I35" s="13">
        <v>2987521.78</v>
      </c>
      <c r="J35" s="13">
        <v>4489619.5</v>
      </c>
      <c r="K35" s="13">
        <v>0.03</v>
      </c>
      <c r="L35" s="13">
        <v>160030.5</v>
      </c>
    </row>
    <row r="36" spans="1:12" x14ac:dyDescent="0.25">
      <c r="A36" s="2" t="s">
        <v>65</v>
      </c>
      <c r="B36" s="4" t="s">
        <v>426</v>
      </c>
      <c r="C36" s="13">
        <v>11841400</v>
      </c>
      <c r="D36" s="13">
        <v>12041400</v>
      </c>
      <c r="E36" s="13">
        <v>176588.97</v>
      </c>
      <c r="F36" s="13">
        <v>316669.17</v>
      </c>
      <c r="G36" s="13">
        <v>0</v>
      </c>
      <c r="H36" s="13">
        <v>11724730.83</v>
      </c>
      <c r="I36" s="13">
        <v>145388.97</v>
      </c>
      <c r="J36" s="13">
        <v>285469.17</v>
      </c>
      <c r="K36" s="13">
        <v>0</v>
      </c>
      <c r="L36" s="13">
        <v>11755930.83</v>
      </c>
    </row>
    <row r="37" spans="1:12" x14ac:dyDescent="0.25">
      <c r="A37" s="2" t="s">
        <v>67</v>
      </c>
      <c r="B37" s="4" t="s">
        <v>435</v>
      </c>
      <c r="C37" s="13">
        <v>2600</v>
      </c>
      <c r="D37" s="13">
        <v>4089600</v>
      </c>
      <c r="E37" s="13">
        <v>2060000</v>
      </c>
      <c r="F37" s="13">
        <v>3837500</v>
      </c>
      <c r="G37" s="13">
        <v>0.02</v>
      </c>
      <c r="H37" s="13">
        <v>252100</v>
      </c>
      <c r="I37" s="13">
        <v>657682.82999999996</v>
      </c>
      <c r="J37" s="13">
        <v>1239506.8500000001</v>
      </c>
      <c r="K37" s="13">
        <v>0.01</v>
      </c>
      <c r="L37" s="13">
        <v>2850093.15</v>
      </c>
    </row>
    <row r="38" spans="1:12" x14ac:dyDescent="0.25">
      <c r="A38" s="2" t="s">
        <v>69</v>
      </c>
      <c r="B38" s="4" t="s">
        <v>436</v>
      </c>
      <c r="C38" s="13">
        <v>4200</v>
      </c>
      <c r="D38" s="13">
        <v>16719700</v>
      </c>
      <c r="E38" s="13">
        <v>3286120.23</v>
      </c>
      <c r="F38" s="13">
        <v>8561924.9199999999</v>
      </c>
      <c r="G38" s="13">
        <v>0.05</v>
      </c>
      <c r="H38" s="13">
        <v>8157775.0800000001</v>
      </c>
      <c r="I38" s="13">
        <v>1691775.95</v>
      </c>
      <c r="J38" s="13">
        <v>6213123.4100000001</v>
      </c>
      <c r="K38" s="13">
        <v>0.05</v>
      </c>
      <c r="L38" s="13">
        <v>10506576.59</v>
      </c>
    </row>
    <row r="39" spans="1:12" x14ac:dyDescent="0.25">
      <c r="A39" s="2" t="s">
        <v>71</v>
      </c>
      <c r="B39" s="4" t="s">
        <v>437</v>
      </c>
      <c r="C39" s="13">
        <v>42500</v>
      </c>
      <c r="D39" s="13">
        <v>67500</v>
      </c>
      <c r="E39" s="13">
        <v>0</v>
      </c>
      <c r="F39" s="13">
        <v>21056</v>
      </c>
      <c r="G39" s="13">
        <v>0</v>
      </c>
      <c r="H39" s="13">
        <v>46444</v>
      </c>
      <c r="I39" s="13">
        <v>0</v>
      </c>
      <c r="J39" s="13">
        <v>21056</v>
      </c>
      <c r="K39" s="13">
        <v>0</v>
      </c>
      <c r="L39" s="13">
        <v>46444</v>
      </c>
    </row>
    <row r="40" spans="1:12" x14ac:dyDescent="0.25">
      <c r="A40" s="3" t="s">
        <v>73</v>
      </c>
      <c r="B40" s="5" t="s">
        <v>438</v>
      </c>
      <c r="C40" s="11">
        <v>1734246700</v>
      </c>
      <c r="D40" s="11">
        <v>1943593212.03</v>
      </c>
      <c r="E40" s="11">
        <v>358428513.97000003</v>
      </c>
      <c r="F40" s="11">
        <v>1371635707.1700001</v>
      </c>
      <c r="G40" s="11">
        <v>8.31</v>
      </c>
      <c r="H40" s="11">
        <v>571957504.86000001</v>
      </c>
      <c r="I40" s="11">
        <v>335144158.36000001</v>
      </c>
      <c r="J40" s="11">
        <v>1132888369.8299999</v>
      </c>
      <c r="K40" s="11">
        <v>8.44</v>
      </c>
      <c r="L40" s="11">
        <v>810704842.20000005</v>
      </c>
    </row>
    <row r="41" spans="1:12" x14ac:dyDescent="0.25">
      <c r="A41" s="2" t="s">
        <v>75</v>
      </c>
      <c r="B41" s="4" t="s">
        <v>424</v>
      </c>
      <c r="C41" s="13">
        <v>1462614000</v>
      </c>
      <c r="D41" s="13">
        <v>1336959527.29</v>
      </c>
      <c r="E41" s="13">
        <v>249734578.38</v>
      </c>
      <c r="F41" s="13">
        <v>1011315991.77</v>
      </c>
      <c r="G41" s="13">
        <v>6.13</v>
      </c>
      <c r="H41" s="13">
        <v>325643535.51999998</v>
      </c>
      <c r="I41" s="13">
        <v>244625968.27000001</v>
      </c>
      <c r="J41" s="13">
        <v>940193870.55999994</v>
      </c>
      <c r="K41" s="13">
        <v>7.01</v>
      </c>
      <c r="L41" s="13">
        <v>396765656.73000002</v>
      </c>
    </row>
    <row r="42" spans="1:12" x14ac:dyDescent="0.25">
      <c r="A42" s="2" t="s">
        <v>77</v>
      </c>
      <c r="B42" s="4" t="s">
        <v>439</v>
      </c>
      <c r="C42" s="13">
        <v>270710200</v>
      </c>
      <c r="D42" s="13">
        <v>531608057.77999997</v>
      </c>
      <c r="E42" s="13">
        <v>74579552.329999998</v>
      </c>
      <c r="F42" s="13">
        <v>309074888.63999999</v>
      </c>
      <c r="G42" s="13">
        <v>1.87</v>
      </c>
      <c r="H42" s="13">
        <v>222533169.13999999</v>
      </c>
      <c r="I42" s="13">
        <v>56387511.780000001</v>
      </c>
      <c r="J42" s="13">
        <v>141449672.50999999</v>
      </c>
      <c r="K42" s="13">
        <v>1.05</v>
      </c>
      <c r="L42" s="13">
        <v>390158385.26999998</v>
      </c>
    </row>
    <row r="43" spans="1:12" x14ac:dyDescent="0.25">
      <c r="A43" s="2" t="s">
        <v>79</v>
      </c>
      <c r="B43" s="4" t="s">
        <v>440</v>
      </c>
      <c r="C43" s="13">
        <v>571500</v>
      </c>
      <c r="D43" s="13">
        <v>571500</v>
      </c>
      <c r="E43" s="13">
        <v>0</v>
      </c>
      <c r="F43" s="13">
        <v>0</v>
      </c>
      <c r="G43" s="13">
        <v>0</v>
      </c>
      <c r="H43" s="13">
        <v>571500</v>
      </c>
      <c r="I43" s="13">
        <v>0</v>
      </c>
      <c r="J43" s="13">
        <v>0</v>
      </c>
      <c r="K43" s="13">
        <v>0</v>
      </c>
      <c r="L43" s="13">
        <v>571500</v>
      </c>
    </row>
    <row r="44" spans="1:12" x14ac:dyDescent="0.25">
      <c r="A44" s="2" t="s">
        <v>81</v>
      </c>
      <c r="B44" s="4" t="s">
        <v>441</v>
      </c>
      <c r="C44" s="13">
        <v>1000</v>
      </c>
      <c r="D44" s="13">
        <v>0</v>
      </c>
      <c r="E44" s="13">
        <v>0</v>
      </c>
      <c r="F44" s="13">
        <v>0</v>
      </c>
      <c r="G44" s="13">
        <v>0</v>
      </c>
      <c r="H44" s="13">
        <v>0</v>
      </c>
      <c r="I44" s="13">
        <v>0</v>
      </c>
      <c r="J44" s="13">
        <v>0</v>
      </c>
      <c r="K44" s="13">
        <v>0</v>
      </c>
      <c r="L44" s="13">
        <v>0</v>
      </c>
    </row>
    <row r="45" spans="1:12" x14ac:dyDescent="0.25">
      <c r="A45" s="2" t="s">
        <v>83</v>
      </c>
      <c r="B45" s="4" t="s">
        <v>442</v>
      </c>
      <c r="C45" s="13">
        <v>350000</v>
      </c>
      <c r="D45" s="13">
        <v>74454126.959999993</v>
      </c>
      <c r="E45" s="13">
        <v>34114383.259999998</v>
      </c>
      <c r="F45" s="13">
        <v>51244826.759999998</v>
      </c>
      <c r="G45" s="13">
        <v>0.31</v>
      </c>
      <c r="H45" s="13">
        <v>23209300.199999999</v>
      </c>
      <c r="I45" s="13">
        <v>34130678.310000002</v>
      </c>
      <c r="J45" s="13">
        <v>51244826.759999998</v>
      </c>
      <c r="K45" s="13">
        <v>0.38</v>
      </c>
      <c r="L45" s="13">
        <v>23209300.199999999</v>
      </c>
    </row>
    <row r="46" spans="1:12" x14ac:dyDescent="0.25">
      <c r="A46" s="3" t="s">
        <v>85</v>
      </c>
      <c r="B46" s="5" t="s">
        <v>443</v>
      </c>
      <c r="C46" s="11">
        <v>264415400</v>
      </c>
      <c r="D46" s="11">
        <v>382246550</v>
      </c>
      <c r="E46" s="11">
        <v>76670027.700000003</v>
      </c>
      <c r="F46" s="11">
        <v>259812520.47999999</v>
      </c>
      <c r="G46" s="11">
        <v>1.58</v>
      </c>
      <c r="H46" s="11">
        <v>122434029.52</v>
      </c>
      <c r="I46" s="11">
        <v>73824606.030000001</v>
      </c>
      <c r="J46" s="11">
        <v>247065128.05000001</v>
      </c>
      <c r="K46" s="11">
        <v>1.85</v>
      </c>
      <c r="L46" s="11">
        <v>135181421.94999999</v>
      </c>
    </row>
    <row r="47" spans="1:12" x14ac:dyDescent="0.25">
      <c r="A47" s="2" t="s">
        <v>87</v>
      </c>
      <c r="B47" s="4" t="s">
        <v>424</v>
      </c>
      <c r="C47" s="13">
        <v>58670700</v>
      </c>
      <c r="D47" s="13">
        <v>52929180</v>
      </c>
      <c r="E47" s="13">
        <v>8348491.8899999997</v>
      </c>
      <c r="F47" s="13">
        <v>37599229.960000001</v>
      </c>
      <c r="G47" s="13">
        <v>0.23</v>
      </c>
      <c r="H47" s="13">
        <v>15329950.039999999</v>
      </c>
      <c r="I47" s="13">
        <v>6501422.1500000004</v>
      </c>
      <c r="J47" s="13">
        <v>30562520.57</v>
      </c>
      <c r="K47" s="13">
        <v>0.23</v>
      </c>
      <c r="L47" s="13">
        <v>22366659.43</v>
      </c>
    </row>
    <row r="48" spans="1:12" x14ac:dyDescent="0.25">
      <c r="A48" s="2" t="s">
        <v>89</v>
      </c>
      <c r="B48" s="4" t="s">
        <v>444</v>
      </c>
      <c r="C48" s="13">
        <v>6069800</v>
      </c>
      <c r="D48" s="13">
        <v>6069800</v>
      </c>
      <c r="E48" s="13">
        <v>0</v>
      </c>
      <c r="F48" s="13">
        <v>0</v>
      </c>
      <c r="G48" s="13">
        <v>0</v>
      </c>
      <c r="H48" s="13">
        <v>6069800</v>
      </c>
      <c r="I48" s="13">
        <v>0</v>
      </c>
      <c r="J48" s="13">
        <v>0</v>
      </c>
      <c r="K48" s="13">
        <v>0</v>
      </c>
      <c r="L48" s="13">
        <v>6069800</v>
      </c>
    </row>
    <row r="49" spans="1:12" x14ac:dyDescent="0.25">
      <c r="A49" s="2" t="s">
        <v>91</v>
      </c>
      <c r="B49" s="4" t="s">
        <v>445</v>
      </c>
      <c r="C49" s="13">
        <v>5901000</v>
      </c>
      <c r="D49" s="13">
        <v>5900000</v>
      </c>
      <c r="E49" s="13">
        <v>0</v>
      </c>
      <c r="F49" s="13">
        <v>319473.75</v>
      </c>
      <c r="G49" s="13">
        <v>0</v>
      </c>
      <c r="H49" s="13">
        <v>5580526.25</v>
      </c>
      <c r="I49" s="13">
        <v>0</v>
      </c>
      <c r="J49" s="13">
        <v>319473.75</v>
      </c>
      <c r="K49" s="13">
        <v>0</v>
      </c>
      <c r="L49" s="13">
        <v>5580526.25</v>
      </c>
    </row>
    <row r="50" spans="1:12" x14ac:dyDescent="0.25">
      <c r="A50" s="2" t="s">
        <v>93</v>
      </c>
      <c r="B50" s="4" t="s">
        <v>446</v>
      </c>
      <c r="C50" s="13">
        <v>170906500</v>
      </c>
      <c r="D50" s="13">
        <v>293157570</v>
      </c>
      <c r="E50" s="13">
        <v>65728511.899999999</v>
      </c>
      <c r="F50" s="13">
        <v>212752047.31</v>
      </c>
      <c r="G50" s="13">
        <v>1.29</v>
      </c>
      <c r="H50" s="13">
        <v>80405522.689999998</v>
      </c>
      <c r="I50" s="13">
        <v>64655985.729999997</v>
      </c>
      <c r="J50" s="13">
        <v>207364685.53999999</v>
      </c>
      <c r="K50" s="13">
        <v>1.55</v>
      </c>
      <c r="L50" s="13">
        <v>85792884.459999993</v>
      </c>
    </row>
    <row r="51" spans="1:12" x14ac:dyDescent="0.25">
      <c r="A51" s="2" t="s">
        <v>95</v>
      </c>
      <c r="B51" s="4" t="s">
        <v>447</v>
      </c>
      <c r="C51" s="13">
        <v>22857600</v>
      </c>
      <c r="D51" s="13">
        <v>24178100</v>
      </c>
      <c r="E51" s="13">
        <v>2593023.91</v>
      </c>
      <c r="F51" s="13">
        <v>9130304.3399999999</v>
      </c>
      <c r="G51" s="13">
        <v>0.06</v>
      </c>
      <c r="H51" s="13">
        <v>15047795.66</v>
      </c>
      <c r="I51" s="13">
        <v>2665261.35</v>
      </c>
      <c r="J51" s="13">
        <v>8810806.3499999996</v>
      </c>
      <c r="K51" s="13">
        <v>7.0000000000000007E-2</v>
      </c>
      <c r="L51" s="13">
        <v>15367293.65</v>
      </c>
    </row>
    <row r="52" spans="1:12" x14ac:dyDescent="0.25">
      <c r="A52" s="2" t="s">
        <v>97</v>
      </c>
      <c r="B52" s="4" t="s">
        <v>431</v>
      </c>
      <c r="C52" s="13">
        <v>100</v>
      </c>
      <c r="D52" s="13">
        <v>100</v>
      </c>
      <c r="E52" s="13">
        <v>0</v>
      </c>
      <c r="F52" s="13">
        <v>0</v>
      </c>
      <c r="G52" s="13">
        <v>0</v>
      </c>
      <c r="H52" s="13">
        <v>100</v>
      </c>
      <c r="I52" s="13">
        <v>0</v>
      </c>
      <c r="J52" s="13">
        <v>0</v>
      </c>
      <c r="K52" s="13">
        <v>0</v>
      </c>
      <c r="L52" s="13">
        <v>100</v>
      </c>
    </row>
    <row r="53" spans="1:12" x14ac:dyDescent="0.25">
      <c r="A53" s="2" t="s">
        <v>99</v>
      </c>
      <c r="B53" s="4" t="s">
        <v>448</v>
      </c>
      <c r="C53" s="13">
        <v>9700</v>
      </c>
      <c r="D53" s="13">
        <v>11800</v>
      </c>
      <c r="E53" s="13">
        <v>0</v>
      </c>
      <c r="F53" s="13">
        <v>11465.12</v>
      </c>
      <c r="G53" s="13">
        <v>0</v>
      </c>
      <c r="H53" s="13">
        <v>334.88</v>
      </c>
      <c r="I53" s="13">
        <v>1936.8</v>
      </c>
      <c r="J53" s="13">
        <v>7641.84</v>
      </c>
      <c r="K53" s="13">
        <v>0</v>
      </c>
      <c r="L53" s="13">
        <v>4158.16</v>
      </c>
    </row>
    <row r="54" spans="1:12" x14ac:dyDescent="0.25">
      <c r="A54" s="3" t="s">
        <v>101</v>
      </c>
      <c r="B54" s="5" t="s">
        <v>449</v>
      </c>
      <c r="C54" s="11">
        <v>3288622500</v>
      </c>
      <c r="D54" s="11">
        <v>3314782500</v>
      </c>
      <c r="E54" s="11">
        <v>674318768.19000006</v>
      </c>
      <c r="F54" s="11">
        <v>2683095637.3099999</v>
      </c>
      <c r="G54" s="11">
        <v>16.27</v>
      </c>
      <c r="H54" s="11">
        <v>631686862.69000006</v>
      </c>
      <c r="I54" s="11">
        <v>649682100.99000001</v>
      </c>
      <c r="J54" s="11">
        <v>2648799234.3400002</v>
      </c>
      <c r="K54" s="11">
        <v>19.739999999999998</v>
      </c>
      <c r="L54" s="11">
        <v>665983265.65999997</v>
      </c>
    </row>
    <row r="55" spans="1:12" x14ac:dyDescent="0.25">
      <c r="A55" s="2" t="s">
        <v>103</v>
      </c>
      <c r="B55" s="4" t="s">
        <v>436</v>
      </c>
      <c r="C55" s="13">
        <v>3288622500</v>
      </c>
      <c r="D55" s="13">
        <v>3314782500</v>
      </c>
      <c r="E55" s="13">
        <v>674318768.19000006</v>
      </c>
      <c r="F55" s="13">
        <v>2683095637.3099999</v>
      </c>
      <c r="G55" s="13">
        <v>16.27</v>
      </c>
      <c r="H55" s="13">
        <v>631686862.69000006</v>
      </c>
      <c r="I55" s="13">
        <v>649682100.99000001</v>
      </c>
      <c r="J55" s="13">
        <v>2648799234.3400002</v>
      </c>
      <c r="K55" s="13">
        <v>19.739999999999998</v>
      </c>
      <c r="L55" s="13">
        <v>665983265.65999997</v>
      </c>
    </row>
    <row r="56" spans="1:12" x14ac:dyDescent="0.25">
      <c r="A56" s="3" t="s">
        <v>105</v>
      </c>
      <c r="B56" s="5" t="s">
        <v>450</v>
      </c>
      <c r="C56" s="11">
        <v>1727304600</v>
      </c>
      <c r="D56" s="11">
        <v>2027553111.6500001</v>
      </c>
      <c r="E56" s="11">
        <v>327695205.5</v>
      </c>
      <c r="F56" s="11">
        <v>1532216081.46</v>
      </c>
      <c r="G56" s="11">
        <v>9.2899999999999991</v>
      </c>
      <c r="H56" s="11">
        <v>495337030.19</v>
      </c>
      <c r="I56" s="11">
        <v>340021111.70999998</v>
      </c>
      <c r="J56" s="11">
        <v>1211124478.0999999</v>
      </c>
      <c r="K56" s="11">
        <v>9.0299999999999994</v>
      </c>
      <c r="L56" s="11">
        <v>816428633.54999995</v>
      </c>
    </row>
    <row r="57" spans="1:12" x14ac:dyDescent="0.25">
      <c r="A57" s="2" t="s">
        <v>107</v>
      </c>
      <c r="B57" s="4" t="s">
        <v>424</v>
      </c>
      <c r="C57" s="13">
        <v>300542200</v>
      </c>
      <c r="D57" s="13">
        <v>467085634.45999998</v>
      </c>
      <c r="E57" s="13">
        <v>72569085.010000005</v>
      </c>
      <c r="F57" s="13">
        <v>423342699.73000002</v>
      </c>
      <c r="G57" s="13">
        <v>2.57</v>
      </c>
      <c r="H57" s="13">
        <v>43742934.729999997</v>
      </c>
      <c r="I57" s="13">
        <v>96806266.459999993</v>
      </c>
      <c r="J57" s="13">
        <v>361994032.80000001</v>
      </c>
      <c r="K57" s="13">
        <v>2.7</v>
      </c>
      <c r="L57" s="13">
        <v>105091601.66</v>
      </c>
    </row>
    <row r="58" spans="1:12" x14ac:dyDescent="0.25">
      <c r="A58" s="2" t="s">
        <v>109</v>
      </c>
      <c r="B58" s="4" t="s">
        <v>426</v>
      </c>
      <c r="C58" s="13">
        <v>7105000</v>
      </c>
      <c r="D58" s="13">
        <v>4215000</v>
      </c>
      <c r="E58" s="13">
        <v>1029088.54</v>
      </c>
      <c r="F58" s="13">
        <v>1722953.27</v>
      </c>
      <c r="G58" s="13">
        <v>0.01</v>
      </c>
      <c r="H58" s="13">
        <v>2492046.73</v>
      </c>
      <c r="I58" s="13">
        <v>634062.67000000004</v>
      </c>
      <c r="J58" s="13">
        <v>1091186.3600000001</v>
      </c>
      <c r="K58" s="13">
        <v>0.01</v>
      </c>
      <c r="L58" s="13">
        <v>3123813.64</v>
      </c>
    </row>
    <row r="59" spans="1:12" x14ac:dyDescent="0.25">
      <c r="A59" s="2" t="s">
        <v>111</v>
      </c>
      <c r="B59" s="4" t="s">
        <v>451</v>
      </c>
      <c r="C59" s="13">
        <v>69740000</v>
      </c>
      <c r="D59" s="13">
        <v>60210500</v>
      </c>
      <c r="E59" s="13">
        <v>14800235.93</v>
      </c>
      <c r="F59" s="13">
        <v>48894364.18</v>
      </c>
      <c r="G59" s="13">
        <v>0.3</v>
      </c>
      <c r="H59" s="13">
        <v>11316135.82</v>
      </c>
      <c r="I59" s="13">
        <v>9654925.1199999992</v>
      </c>
      <c r="J59" s="13">
        <v>34445029.740000002</v>
      </c>
      <c r="K59" s="13">
        <v>0.26</v>
      </c>
      <c r="L59" s="13">
        <v>25765470.260000002</v>
      </c>
    </row>
    <row r="60" spans="1:12" x14ac:dyDescent="0.25">
      <c r="A60" s="2" t="s">
        <v>113</v>
      </c>
      <c r="B60" s="4" t="s">
        <v>452</v>
      </c>
      <c r="C60" s="13">
        <v>1181293100</v>
      </c>
      <c r="D60" s="13">
        <v>1256902188.3</v>
      </c>
      <c r="E60" s="13">
        <v>204154458.38</v>
      </c>
      <c r="F60" s="13">
        <v>904304065.99000001</v>
      </c>
      <c r="G60" s="13">
        <v>5.48</v>
      </c>
      <c r="H60" s="13">
        <v>352598122.31</v>
      </c>
      <c r="I60" s="13">
        <v>198271417.05000001</v>
      </c>
      <c r="J60" s="13">
        <v>693707083.32000005</v>
      </c>
      <c r="K60" s="13">
        <v>5.17</v>
      </c>
      <c r="L60" s="13">
        <v>563195104.98000002</v>
      </c>
    </row>
    <row r="61" spans="1:12" x14ac:dyDescent="0.25">
      <c r="A61" s="2" t="s">
        <v>115</v>
      </c>
      <c r="B61" s="4" t="s">
        <v>453</v>
      </c>
      <c r="C61" s="13">
        <v>82254000</v>
      </c>
      <c r="D61" s="13">
        <v>120936280.89</v>
      </c>
      <c r="E61" s="13">
        <v>20726421.52</v>
      </c>
      <c r="F61" s="13">
        <v>65656971.759999998</v>
      </c>
      <c r="G61" s="13">
        <v>0.4</v>
      </c>
      <c r="H61" s="13">
        <v>55279309.130000003</v>
      </c>
      <c r="I61" s="13">
        <v>16969011.280000001</v>
      </c>
      <c r="J61" s="13">
        <v>44983778.090000004</v>
      </c>
      <c r="K61" s="13">
        <v>0.34</v>
      </c>
      <c r="L61" s="13">
        <v>75952502.799999997</v>
      </c>
    </row>
    <row r="62" spans="1:12" x14ac:dyDescent="0.25">
      <c r="A62" s="2" t="s">
        <v>117</v>
      </c>
      <c r="B62" s="4" t="s">
        <v>454</v>
      </c>
      <c r="C62" s="13">
        <v>4114000</v>
      </c>
      <c r="D62" s="13">
        <v>3697281</v>
      </c>
      <c r="E62" s="13">
        <v>0</v>
      </c>
      <c r="F62" s="13">
        <v>1203506.45</v>
      </c>
      <c r="G62" s="13">
        <v>0.01</v>
      </c>
      <c r="H62" s="13">
        <v>2493774.5499999998</v>
      </c>
      <c r="I62" s="13">
        <v>49572.24</v>
      </c>
      <c r="J62" s="13">
        <v>657551.84</v>
      </c>
      <c r="K62" s="13">
        <v>0</v>
      </c>
      <c r="L62" s="13">
        <v>3039729.16</v>
      </c>
    </row>
    <row r="63" spans="1:12" x14ac:dyDescent="0.25">
      <c r="A63" s="2" t="s">
        <v>119</v>
      </c>
      <c r="B63" s="4" t="s">
        <v>455</v>
      </c>
      <c r="C63" s="13">
        <v>38063600</v>
      </c>
      <c r="D63" s="13">
        <v>70333527</v>
      </c>
      <c r="E63" s="13">
        <v>5739903.21</v>
      </c>
      <c r="F63" s="13">
        <v>54327842.009999998</v>
      </c>
      <c r="G63" s="13">
        <v>0.33</v>
      </c>
      <c r="H63" s="13">
        <v>16005684.99</v>
      </c>
      <c r="I63" s="13">
        <v>9265257.0800000001</v>
      </c>
      <c r="J63" s="13">
        <v>46035421.460000001</v>
      </c>
      <c r="K63" s="13">
        <v>0.34</v>
      </c>
      <c r="L63" s="13">
        <v>24298105.539999999</v>
      </c>
    </row>
    <row r="64" spans="1:12" x14ac:dyDescent="0.25">
      <c r="A64" s="2" t="s">
        <v>120</v>
      </c>
      <c r="B64" s="4" t="s">
        <v>456</v>
      </c>
      <c r="C64" s="13">
        <v>42773000</v>
      </c>
      <c r="D64" s="13">
        <v>42773000</v>
      </c>
      <c r="E64" s="13">
        <v>8515472.6199999992</v>
      </c>
      <c r="F64" s="13">
        <v>32139835.079999998</v>
      </c>
      <c r="G64" s="13">
        <v>0.19</v>
      </c>
      <c r="H64" s="13">
        <v>10633164.92</v>
      </c>
      <c r="I64" s="13">
        <v>8227627.6200000001</v>
      </c>
      <c r="J64" s="13">
        <v>27763949.789999999</v>
      </c>
      <c r="K64" s="13">
        <v>0.21</v>
      </c>
      <c r="L64" s="13">
        <v>15009050.210000001</v>
      </c>
    </row>
    <row r="65" spans="1:12" x14ac:dyDescent="0.25">
      <c r="A65" s="2" t="s">
        <v>121</v>
      </c>
      <c r="B65" s="4" t="s">
        <v>457</v>
      </c>
      <c r="C65" s="13">
        <v>0</v>
      </c>
      <c r="D65" s="13">
        <v>0</v>
      </c>
      <c r="E65" s="13">
        <v>0</v>
      </c>
      <c r="F65" s="13">
        <v>0</v>
      </c>
      <c r="G65" s="13">
        <v>0</v>
      </c>
      <c r="H65" s="13">
        <v>0</v>
      </c>
      <c r="I65" s="13">
        <v>0</v>
      </c>
      <c r="J65" s="13">
        <v>0</v>
      </c>
      <c r="K65" s="13">
        <v>0</v>
      </c>
      <c r="L65" s="13">
        <v>0</v>
      </c>
    </row>
    <row r="66" spans="1:12" x14ac:dyDescent="0.25">
      <c r="A66" s="2" t="s">
        <v>122</v>
      </c>
      <c r="B66" s="4" t="s">
        <v>431</v>
      </c>
      <c r="C66" s="13">
        <v>1031000</v>
      </c>
      <c r="D66" s="13">
        <v>1011000</v>
      </c>
      <c r="E66" s="13">
        <v>91984.9</v>
      </c>
      <c r="F66" s="13">
        <v>353339.25</v>
      </c>
      <c r="G66" s="13">
        <v>0</v>
      </c>
      <c r="H66" s="13">
        <v>657660.75</v>
      </c>
      <c r="I66" s="13">
        <v>74416.800000000003</v>
      </c>
      <c r="J66" s="13">
        <v>175940.96</v>
      </c>
      <c r="K66" s="13">
        <v>0</v>
      </c>
      <c r="L66" s="13">
        <v>835059.04</v>
      </c>
    </row>
    <row r="67" spans="1:12" x14ac:dyDescent="0.25">
      <c r="A67" s="2" t="s">
        <v>123</v>
      </c>
      <c r="B67" s="4" t="s">
        <v>448</v>
      </c>
      <c r="C67" s="13">
        <v>388700</v>
      </c>
      <c r="D67" s="13">
        <v>388700</v>
      </c>
      <c r="E67" s="13">
        <v>68555.39</v>
      </c>
      <c r="F67" s="13">
        <v>270503.74</v>
      </c>
      <c r="G67" s="13">
        <v>0</v>
      </c>
      <c r="H67" s="13">
        <v>118196.26</v>
      </c>
      <c r="I67" s="13">
        <v>68555.39</v>
      </c>
      <c r="J67" s="13">
        <v>270503.74</v>
      </c>
      <c r="K67" s="13">
        <v>0</v>
      </c>
      <c r="L67" s="13">
        <v>118196.26</v>
      </c>
    </row>
    <row r="68" spans="1:12" x14ac:dyDescent="0.25">
      <c r="A68" s="3" t="s">
        <v>124</v>
      </c>
      <c r="B68" s="5" t="s">
        <v>458</v>
      </c>
      <c r="C68" s="11">
        <v>49601300</v>
      </c>
      <c r="D68" s="11">
        <v>60527209.880000003</v>
      </c>
      <c r="E68" s="11">
        <v>4227511.72</v>
      </c>
      <c r="F68" s="11">
        <v>21582366.5</v>
      </c>
      <c r="G68" s="11">
        <v>0.13</v>
      </c>
      <c r="H68" s="11">
        <v>38944843.380000003</v>
      </c>
      <c r="I68" s="11">
        <v>2524790.87</v>
      </c>
      <c r="J68" s="11">
        <v>9374711.3100000005</v>
      </c>
      <c r="K68" s="11">
        <v>7.0000000000000007E-2</v>
      </c>
      <c r="L68" s="11">
        <v>51152498.57</v>
      </c>
    </row>
    <row r="69" spans="1:12" x14ac:dyDescent="0.25">
      <c r="A69" s="2" t="s">
        <v>125</v>
      </c>
      <c r="B69" s="4" t="s">
        <v>424</v>
      </c>
      <c r="C69" s="13">
        <v>15163900</v>
      </c>
      <c r="D69" s="13">
        <v>15419740.880000001</v>
      </c>
      <c r="E69" s="13">
        <v>2104071.27</v>
      </c>
      <c r="F69" s="13">
        <v>10509545.68</v>
      </c>
      <c r="G69" s="13">
        <v>0.06</v>
      </c>
      <c r="H69" s="13">
        <v>4910195.2</v>
      </c>
      <c r="I69" s="13">
        <v>2115115.92</v>
      </c>
      <c r="J69" s="13">
        <v>8445745.3300000001</v>
      </c>
      <c r="K69" s="13">
        <v>0.06</v>
      </c>
      <c r="L69" s="13">
        <v>6973995.5499999998</v>
      </c>
    </row>
    <row r="70" spans="1:12" x14ac:dyDescent="0.25">
      <c r="A70" s="2" t="s">
        <v>127</v>
      </c>
      <c r="B70" s="4" t="s">
        <v>459</v>
      </c>
      <c r="C70" s="13">
        <v>30000000</v>
      </c>
      <c r="D70" s="13">
        <v>30000000</v>
      </c>
      <c r="E70" s="13">
        <v>1332944.46</v>
      </c>
      <c r="F70" s="13">
        <v>3334111.13</v>
      </c>
      <c r="G70" s="13">
        <v>0.02</v>
      </c>
      <c r="H70" s="13">
        <v>26665888.870000001</v>
      </c>
      <c r="I70" s="13">
        <v>9662.86</v>
      </c>
      <c r="J70" s="13">
        <v>22989.17</v>
      </c>
      <c r="K70" s="13">
        <v>0</v>
      </c>
      <c r="L70" s="13">
        <v>29977010.829999998</v>
      </c>
    </row>
    <row r="71" spans="1:12" x14ac:dyDescent="0.25">
      <c r="A71" s="2" t="s">
        <v>129</v>
      </c>
      <c r="B71" s="4" t="s">
        <v>460</v>
      </c>
      <c r="C71" s="13">
        <v>4384000</v>
      </c>
      <c r="D71" s="13">
        <v>15023448</v>
      </c>
      <c r="E71" s="13">
        <v>779839.11</v>
      </c>
      <c r="F71" s="13">
        <v>7696661.96</v>
      </c>
      <c r="G71" s="13">
        <v>0.05</v>
      </c>
      <c r="H71" s="13">
        <v>7326786.04</v>
      </c>
      <c r="I71" s="13">
        <v>389355.21</v>
      </c>
      <c r="J71" s="13">
        <v>863929.08</v>
      </c>
      <c r="K71" s="13">
        <v>0.01</v>
      </c>
      <c r="L71" s="13">
        <v>14159518.92</v>
      </c>
    </row>
    <row r="72" spans="1:12" x14ac:dyDescent="0.25">
      <c r="A72" s="2" t="s">
        <v>131</v>
      </c>
      <c r="B72" s="4" t="s">
        <v>448</v>
      </c>
      <c r="C72" s="13">
        <v>53400</v>
      </c>
      <c r="D72" s="13">
        <v>84021</v>
      </c>
      <c r="E72" s="13">
        <v>10656.88</v>
      </c>
      <c r="F72" s="13">
        <v>42047.73</v>
      </c>
      <c r="G72" s="13">
        <v>0</v>
      </c>
      <c r="H72" s="13">
        <v>41973.27</v>
      </c>
      <c r="I72" s="13">
        <v>10656.88</v>
      </c>
      <c r="J72" s="13">
        <v>42047.73</v>
      </c>
      <c r="K72" s="13">
        <v>0</v>
      </c>
      <c r="L72" s="13">
        <v>41973.27</v>
      </c>
    </row>
    <row r="73" spans="1:12" x14ac:dyDescent="0.25">
      <c r="A73" s="3" t="s">
        <v>133</v>
      </c>
      <c r="B73" s="5" t="s">
        <v>461</v>
      </c>
      <c r="C73" s="11">
        <v>2007985000</v>
      </c>
      <c r="D73" s="11">
        <v>2685296161.2399998</v>
      </c>
      <c r="E73" s="11">
        <v>485012037.94999999</v>
      </c>
      <c r="F73" s="11">
        <v>1774761293.23</v>
      </c>
      <c r="G73" s="11">
        <v>10.77</v>
      </c>
      <c r="H73" s="11">
        <v>910534868.00999999</v>
      </c>
      <c r="I73" s="11">
        <v>443288860.94</v>
      </c>
      <c r="J73" s="11">
        <v>1455744790.72</v>
      </c>
      <c r="K73" s="11">
        <v>10.85</v>
      </c>
      <c r="L73" s="11">
        <v>1229551370.52</v>
      </c>
    </row>
    <row r="74" spans="1:12" x14ac:dyDescent="0.25">
      <c r="A74" s="2" t="s">
        <v>135</v>
      </c>
      <c r="B74" s="4" t="s">
        <v>424</v>
      </c>
      <c r="C74" s="13">
        <v>1579371000</v>
      </c>
      <c r="D74" s="13">
        <v>170107340.19</v>
      </c>
      <c r="E74" s="13">
        <v>13853661.880000001</v>
      </c>
      <c r="F74" s="13">
        <v>124572614.11</v>
      </c>
      <c r="G74" s="13">
        <v>0.76</v>
      </c>
      <c r="H74" s="13">
        <v>45534726.079999998</v>
      </c>
      <c r="I74" s="13">
        <v>19777067.899999999</v>
      </c>
      <c r="J74" s="13">
        <v>112052139.76000001</v>
      </c>
      <c r="K74" s="13">
        <v>0.83</v>
      </c>
      <c r="L74" s="13">
        <v>58055200.43</v>
      </c>
    </row>
    <row r="75" spans="1:12" x14ac:dyDescent="0.25">
      <c r="A75" s="2" t="s">
        <v>137</v>
      </c>
      <c r="B75" s="4" t="s">
        <v>462</v>
      </c>
      <c r="C75" s="13">
        <v>22465400</v>
      </c>
      <c r="D75" s="13">
        <v>796485428.85000002</v>
      </c>
      <c r="E75" s="13">
        <v>206784758.56999999</v>
      </c>
      <c r="F75" s="13">
        <v>589575522.5</v>
      </c>
      <c r="G75" s="13">
        <v>3.57</v>
      </c>
      <c r="H75" s="13">
        <v>206909906.34999999</v>
      </c>
      <c r="I75" s="13">
        <v>179948673.58000001</v>
      </c>
      <c r="J75" s="13">
        <v>470891032.82999998</v>
      </c>
      <c r="K75" s="13">
        <v>3.51</v>
      </c>
      <c r="L75" s="13">
        <v>325594396.01999998</v>
      </c>
    </row>
    <row r="76" spans="1:12" x14ac:dyDescent="0.25">
      <c r="A76" s="2" t="s">
        <v>139</v>
      </c>
      <c r="B76" s="4" t="s">
        <v>463</v>
      </c>
      <c r="C76" s="13">
        <v>10004300</v>
      </c>
      <c r="D76" s="13">
        <v>1565613446.8900001</v>
      </c>
      <c r="E76" s="13">
        <v>237809261.37</v>
      </c>
      <c r="F76" s="13">
        <v>979106147.94000006</v>
      </c>
      <c r="G76" s="13">
        <v>5.94</v>
      </c>
      <c r="H76" s="13">
        <v>586507298.95000005</v>
      </c>
      <c r="I76" s="13">
        <v>213677854.91</v>
      </c>
      <c r="J76" s="13">
        <v>805945966.20000005</v>
      </c>
      <c r="K76" s="13">
        <v>6.01</v>
      </c>
      <c r="L76" s="13">
        <v>759667480.69000006</v>
      </c>
    </row>
    <row r="77" spans="1:12" x14ac:dyDescent="0.25">
      <c r="A77" s="2" t="s">
        <v>141</v>
      </c>
      <c r="B77" s="4" t="s">
        <v>464</v>
      </c>
      <c r="C77" s="13">
        <v>25975600</v>
      </c>
      <c r="D77" s="13">
        <v>23815356.059999999</v>
      </c>
      <c r="E77" s="13">
        <v>1345899.36</v>
      </c>
      <c r="F77" s="13">
        <v>7795968.0800000001</v>
      </c>
      <c r="G77" s="13">
        <v>0.05</v>
      </c>
      <c r="H77" s="13">
        <v>16019387.98</v>
      </c>
      <c r="I77" s="13">
        <v>1188206.1100000001</v>
      </c>
      <c r="J77" s="13">
        <v>5514024.5999999996</v>
      </c>
      <c r="K77" s="13">
        <v>0.04</v>
      </c>
      <c r="L77" s="13">
        <v>18301331.460000001</v>
      </c>
    </row>
    <row r="78" spans="1:12" x14ac:dyDescent="0.25">
      <c r="A78" s="2" t="s">
        <v>143</v>
      </c>
      <c r="B78" s="4" t="s">
        <v>447</v>
      </c>
      <c r="C78" s="13">
        <v>32742400</v>
      </c>
      <c r="D78" s="13">
        <v>81852400</v>
      </c>
      <c r="E78" s="13">
        <v>24691361.359999999</v>
      </c>
      <c r="F78" s="13">
        <v>57655142.219999999</v>
      </c>
      <c r="G78" s="13">
        <v>0.35</v>
      </c>
      <c r="H78" s="13">
        <v>24197257.780000001</v>
      </c>
      <c r="I78" s="13">
        <v>25561625.489999998</v>
      </c>
      <c r="J78" s="13">
        <v>50063082.600000001</v>
      </c>
      <c r="K78" s="13">
        <v>0.37</v>
      </c>
      <c r="L78" s="13">
        <v>31789317.399999999</v>
      </c>
    </row>
    <row r="79" spans="1:12" x14ac:dyDescent="0.25">
      <c r="A79" s="2" t="s">
        <v>145</v>
      </c>
      <c r="B79" s="4" t="s">
        <v>465</v>
      </c>
      <c r="C79" s="13">
        <v>4287000</v>
      </c>
      <c r="D79" s="13">
        <v>0</v>
      </c>
      <c r="E79" s="13">
        <v>0</v>
      </c>
      <c r="F79" s="13">
        <v>0</v>
      </c>
      <c r="G79" s="13">
        <v>0</v>
      </c>
      <c r="H79" s="13">
        <v>0</v>
      </c>
      <c r="I79" s="13">
        <v>0</v>
      </c>
      <c r="J79" s="13">
        <v>0</v>
      </c>
      <c r="K79" s="13">
        <v>0</v>
      </c>
      <c r="L79" s="13">
        <v>0</v>
      </c>
    </row>
    <row r="80" spans="1:12" x14ac:dyDescent="0.25">
      <c r="A80" s="2" t="s">
        <v>147</v>
      </c>
      <c r="B80" s="4" t="s">
        <v>466</v>
      </c>
      <c r="C80" s="13">
        <v>13085400</v>
      </c>
      <c r="D80" s="13">
        <v>0</v>
      </c>
      <c r="E80" s="13">
        <v>0</v>
      </c>
      <c r="F80" s="13">
        <v>0</v>
      </c>
      <c r="G80" s="13">
        <v>0</v>
      </c>
      <c r="H80" s="13">
        <v>0</v>
      </c>
      <c r="I80" s="13">
        <v>0</v>
      </c>
      <c r="J80" s="13">
        <v>0</v>
      </c>
      <c r="K80" s="13">
        <v>0</v>
      </c>
      <c r="L80" s="13">
        <v>0</v>
      </c>
    </row>
    <row r="81" spans="1:12" x14ac:dyDescent="0.25">
      <c r="A81" s="2" t="s">
        <v>149</v>
      </c>
      <c r="B81" s="4" t="s">
        <v>467</v>
      </c>
      <c r="C81" s="13">
        <v>303784200</v>
      </c>
      <c r="D81" s="13">
        <v>30181089.25</v>
      </c>
      <c r="E81" s="13">
        <v>-496938</v>
      </c>
      <c r="F81" s="13">
        <v>2748897.09</v>
      </c>
      <c r="G81" s="13">
        <v>0.02</v>
      </c>
      <c r="H81" s="13">
        <v>27432192.16</v>
      </c>
      <c r="I81" s="13">
        <v>851606</v>
      </c>
      <c r="J81" s="13">
        <v>2591794</v>
      </c>
      <c r="K81" s="13">
        <v>0.02</v>
      </c>
      <c r="L81" s="13">
        <v>27589295.25</v>
      </c>
    </row>
    <row r="82" spans="1:12" x14ac:dyDescent="0.25">
      <c r="A82" s="2" t="s">
        <v>151</v>
      </c>
      <c r="B82" s="4" t="s">
        <v>468</v>
      </c>
      <c r="C82" s="13">
        <v>7189700</v>
      </c>
      <c r="D82" s="13">
        <v>9541100</v>
      </c>
      <c r="E82" s="13">
        <v>1024033.41</v>
      </c>
      <c r="F82" s="13">
        <v>5607001.29</v>
      </c>
      <c r="G82" s="13">
        <v>0.03</v>
      </c>
      <c r="H82" s="13">
        <v>3934098.71</v>
      </c>
      <c r="I82" s="13">
        <v>1402937.05</v>
      </c>
      <c r="J82" s="13">
        <v>3802288.8</v>
      </c>
      <c r="K82" s="13">
        <v>0.03</v>
      </c>
      <c r="L82" s="13">
        <v>5738811.2000000002</v>
      </c>
    </row>
    <row r="83" spans="1:12" x14ac:dyDescent="0.25">
      <c r="A83" s="2" t="s">
        <v>153</v>
      </c>
      <c r="B83" s="4" t="s">
        <v>448</v>
      </c>
      <c r="C83" s="13">
        <v>9080000</v>
      </c>
      <c r="D83" s="13">
        <v>7700000</v>
      </c>
      <c r="E83" s="13">
        <v>0</v>
      </c>
      <c r="F83" s="13">
        <v>7700000</v>
      </c>
      <c r="G83" s="13">
        <v>0.05</v>
      </c>
      <c r="H83" s="13">
        <v>0</v>
      </c>
      <c r="I83" s="13">
        <v>880889.9</v>
      </c>
      <c r="J83" s="13">
        <v>4884461.93</v>
      </c>
      <c r="K83" s="13">
        <v>0.04</v>
      </c>
      <c r="L83" s="13">
        <v>2815538.07</v>
      </c>
    </row>
    <row r="84" spans="1:12" x14ac:dyDescent="0.25">
      <c r="A84" s="3" t="s">
        <v>154</v>
      </c>
      <c r="B84" s="5" t="s">
        <v>469</v>
      </c>
      <c r="C84" s="11">
        <v>36029300</v>
      </c>
      <c r="D84" s="11">
        <v>126955914</v>
      </c>
      <c r="E84" s="11">
        <v>24676832.100000001</v>
      </c>
      <c r="F84" s="11">
        <v>81671073.879999995</v>
      </c>
      <c r="G84" s="11">
        <v>0.49</v>
      </c>
      <c r="H84" s="11">
        <v>45284840.119999997</v>
      </c>
      <c r="I84" s="11">
        <v>28047140.879999999</v>
      </c>
      <c r="J84" s="11">
        <v>68915425.359999999</v>
      </c>
      <c r="K84" s="11">
        <v>0.52</v>
      </c>
      <c r="L84" s="11">
        <v>58040488.640000001</v>
      </c>
    </row>
    <row r="85" spans="1:12" x14ac:dyDescent="0.25">
      <c r="A85" s="2" t="s">
        <v>155</v>
      </c>
      <c r="B85" s="4" t="s">
        <v>424</v>
      </c>
      <c r="C85" s="13">
        <v>9336600</v>
      </c>
      <c r="D85" s="13">
        <v>11411260</v>
      </c>
      <c r="E85" s="13">
        <v>-2048738.4</v>
      </c>
      <c r="F85" s="13">
        <v>7123120.2699999996</v>
      </c>
      <c r="G85" s="13">
        <v>0.04</v>
      </c>
      <c r="H85" s="13">
        <v>4288139.7300000004</v>
      </c>
      <c r="I85" s="13">
        <v>1264087.77</v>
      </c>
      <c r="J85" s="13">
        <v>6207544.1500000004</v>
      </c>
      <c r="K85" s="13">
        <v>0.05</v>
      </c>
      <c r="L85" s="13">
        <v>5203715.8499999996</v>
      </c>
    </row>
    <row r="86" spans="1:12" x14ac:dyDescent="0.25">
      <c r="A86" s="2" t="s">
        <v>157</v>
      </c>
      <c r="B86" s="4" t="s">
        <v>470</v>
      </c>
      <c r="C86" s="13">
        <v>0</v>
      </c>
      <c r="D86" s="13">
        <v>0</v>
      </c>
      <c r="E86" s="13">
        <v>0</v>
      </c>
      <c r="F86" s="13">
        <v>0</v>
      </c>
      <c r="G86" s="13">
        <v>0</v>
      </c>
      <c r="H86" s="13">
        <v>0</v>
      </c>
      <c r="I86" s="13">
        <v>0</v>
      </c>
      <c r="J86" s="13">
        <v>0</v>
      </c>
      <c r="K86" s="13">
        <v>0</v>
      </c>
      <c r="L86" s="13">
        <v>0</v>
      </c>
    </row>
    <row r="87" spans="1:12" x14ac:dyDescent="0.25">
      <c r="A87" s="2" t="s">
        <v>159</v>
      </c>
      <c r="B87" s="4" t="s">
        <v>471</v>
      </c>
      <c r="C87" s="13">
        <v>26692700</v>
      </c>
      <c r="D87" s="13">
        <v>115544654</v>
      </c>
      <c r="E87" s="13">
        <v>26725570.5</v>
      </c>
      <c r="F87" s="13">
        <v>74547953.609999999</v>
      </c>
      <c r="G87" s="13">
        <v>0.45</v>
      </c>
      <c r="H87" s="13">
        <v>40996700.390000001</v>
      </c>
      <c r="I87" s="13">
        <v>26783053.109999999</v>
      </c>
      <c r="J87" s="13">
        <v>62707881.210000001</v>
      </c>
      <c r="K87" s="13">
        <v>0.47</v>
      </c>
      <c r="L87" s="13">
        <v>52836772.789999999</v>
      </c>
    </row>
    <row r="88" spans="1:12" x14ac:dyDescent="0.25">
      <c r="A88" s="3" t="s">
        <v>161</v>
      </c>
      <c r="B88" s="5" t="s">
        <v>472</v>
      </c>
      <c r="C88" s="11">
        <v>357808400</v>
      </c>
      <c r="D88" s="11">
        <v>322528575.63999999</v>
      </c>
      <c r="E88" s="11">
        <v>47874557.850000001</v>
      </c>
      <c r="F88" s="11">
        <v>231830054.62</v>
      </c>
      <c r="G88" s="11">
        <v>1.4</v>
      </c>
      <c r="H88" s="11">
        <v>90698521.019999996</v>
      </c>
      <c r="I88" s="11">
        <v>40349291.439999998</v>
      </c>
      <c r="J88" s="11">
        <v>200475559.63</v>
      </c>
      <c r="K88" s="11">
        <v>1.49</v>
      </c>
      <c r="L88" s="11">
        <v>122053016.01000001</v>
      </c>
    </row>
    <row r="89" spans="1:12" x14ac:dyDescent="0.25">
      <c r="A89" s="2" t="s">
        <v>163</v>
      </c>
      <c r="B89" s="4" t="s">
        <v>435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3">
        <v>0</v>
      </c>
      <c r="I89" s="13">
        <v>0</v>
      </c>
      <c r="J89" s="13">
        <v>0</v>
      </c>
      <c r="K89" s="13">
        <v>0</v>
      </c>
      <c r="L89" s="13">
        <v>0</v>
      </c>
    </row>
    <row r="90" spans="1:12" x14ac:dyDescent="0.25">
      <c r="A90" s="2" t="s">
        <v>165</v>
      </c>
      <c r="B90" s="4" t="s">
        <v>442</v>
      </c>
      <c r="C90" s="13">
        <v>347522800</v>
      </c>
      <c r="D90" s="13">
        <v>298720890.63999999</v>
      </c>
      <c r="E90" s="13">
        <v>43442744.170000002</v>
      </c>
      <c r="F90" s="13">
        <v>222923759.88</v>
      </c>
      <c r="G90" s="13">
        <v>1.35</v>
      </c>
      <c r="H90" s="13">
        <v>75797130.760000005</v>
      </c>
      <c r="I90" s="13">
        <v>34935984.270000003</v>
      </c>
      <c r="J90" s="13">
        <v>192522995.50999999</v>
      </c>
      <c r="K90" s="13">
        <v>1.43</v>
      </c>
      <c r="L90" s="13">
        <v>106197895.13</v>
      </c>
    </row>
    <row r="91" spans="1:12" x14ac:dyDescent="0.25">
      <c r="A91" s="2" t="s">
        <v>178</v>
      </c>
      <c r="B91" s="4" t="s">
        <v>431</v>
      </c>
      <c r="C91" s="13">
        <v>9700600</v>
      </c>
      <c r="D91" s="13">
        <v>23222685</v>
      </c>
      <c r="E91" s="13">
        <v>4431813.68</v>
      </c>
      <c r="F91" s="13">
        <v>8906294.7400000002</v>
      </c>
      <c r="G91" s="13">
        <v>0.05</v>
      </c>
      <c r="H91" s="13">
        <v>14316390.26</v>
      </c>
      <c r="I91" s="13">
        <v>5413307.1699999999</v>
      </c>
      <c r="J91" s="13">
        <v>7952564.1200000001</v>
      </c>
      <c r="K91" s="13">
        <v>0.06</v>
      </c>
      <c r="L91" s="13">
        <v>15270120.880000001</v>
      </c>
    </row>
    <row r="92" spans="1:12" x14ac:dyDescent="0.25">
      <c r="A92" s="2" t="s">
        <v>180</v>
      </c>
      <c r="B92" s="4" t="s">
        <v>473</v>
      </c>
      <c r="C92" s="13">
        <v>585000</v>
      </c>
      <c r="D92" s="13">
        <v>585000</v>
      </c>
      <c r="E92" s="13">
        <v>0</v>
      </c>
      <c r="F92" s="13">
        <v>0</v>
      </c>
      <c r="G92" s="13">
        <v>0</v>
      </c>
      <c r="H92" s="13">
        <v>585000</v>
      </c>
      <c r="I92" s="13">
        <v>0</v>
      </c>
      <c r="J92" s="13">
        <v>0</v>
      </c>
      <c r="K92" s="13">
        <v>0</v>
      </c>
      <c r="L92" s="13">
        <v>585000</v>
      </c>
    </row>
    <row r="93" spans="1:12" x14ac:dyDescent="0.25">
      <c r="A93" s="3" t="s">
        <v>182</v>
      </c>
      <c r="B93" s="5" t="s">
        <v>474</v>
      </c>
      <c r="C93" s="11">
        <v>23937200</v>
      </c>
      <c r="D93" s="11">
        <v>83477623.859999999</v>
      </c>
      <c r="E93" s="11">
        <v>2670773.5099999998</v>
      </c>
      <c r="F93" s="11">
        <v>66360365.590000004</v>
      </c>
      <c r="G93" s="11">
        <v>0.4</v>
      </c>
      <c r="H93" s="11">
        <v>17117258.27</v>
      </c>
      <c r="I93" s="11">
        <v>10003900.529999999</v>
      </c>
      <c r="J93" s="11">
        <v>39819260.68</v>
      </c>
      <c r="K93" s="11">
        <v>0.3</v>
      </c>
      <c r="L93" s="11">
        <v>43658363.18</v>
      </c>
    </row>
    <row r="94" spans="1:12" x14ac:dyDescent="0.25">
      <c r="A94" s="2" t="s">
        <v>184</v>
      </c>
      <c r="B94" s="4" t="s">
        <v>424</v>
      </c>
      <c r="C94" s="13">
        <v>10170000</v>
      </c>
      <c r="D94" s="13">
        <v>12223204</v>
      </c>
      <c r="E94" s="13">
        <v>1244600.76</v>
      </c>
      <c r="F94" s="13">
        <v>8562272.9399999995</v>
      </c>
      <c r="G94" s="13">
        <v>0.05</v>
      </c>
      <c r="H94" s="13">
        <v>3660931.06</v>
      </c>
      <c r="I94" s="13">
        <v>1601976.8</v>
      </c>
      <c r="J94" s="13">
        <v>7509483.6699999999</v>
      </c>
      <c r="K94" s="13">
        <v>0.06</v>
      </c>
      <c r="L94" s="13">
        <v>4713720.33</v>
      </c>
    </row>
    <row r="95" spans="1:12" x14ac:dyDescent="0.25">
      <c r="A95" s="2" t="s">
        <v>186</v>
      </c>
      <c r="B95" s="4" t="s">
        <v>433</v>
      </c>
      <c r="C95" s="13">
        <v>1000</v>
      </c>
      <c r="D95" s="13">
        <v>138000</v>
      </c>
      <c r="E95" s="13">
        <v>5989.18</v>
      </c>
      <c r="F95" s="13">
        <v>102489.18</v>
      </c>
      <c r="G95" s="13">
        <v>0</v>
      </c>
      <c r="H95" s="13">
        <v>35510.82</v>
      </c>
      <c r="I95" s="13">
        <v>53595.07</v>
      </c>
      <c r="J95" s="13">
        <v>73839.63</v>
      </c>
      <c r="K95" s="13">
        <v>0</v>
      </c>
      <c r="L95" s="13">
        <v>64160.37</v>
      </c>
    </row>
    <row r="96" spans="1:12" x14ac:dyDescent="0.25">
      <c r="A96" s="2" t="s">
        <v>188</v>
      </c>
      <c r="B96" s="4" t="s">
        <v>475</v>
      </c>
      <c r="C96" s="13">
        <v>13766200</v>
      </c>
      <c r="D96" s="13">
        <v>71116419.859999999</v>
      </c>
      <c r="E96" s="13">
        <v>1420183.57</v>
      </c>
      <c r="F96" s="13">
        <v>57695603.469999999</v>
      </c>
      <c r="G96" s="13">
        <v>0.35</v>
      </c>
      <c r="H96" s="13">
        <v>13420816.390000001</v>
      </c>
      <c r="I96" s="13">
        <v>8348328.6600000001</v>
      </c>
      <c r="J96" s="13">
        <v>32235937.379999999</v>
      </c>
      <c r="K96" s="13">
        <v>0.24</v>
      </c>
      <c r="L96" s="13">
        <v>38880482.479999997</v>
      </c>
    </row>
    <row r="97" spans="1:12" x14ac:dyDescent="0.25">
      <c r="A97" s="3" t="s">
        <v>190</v>
      </c>
      <c r="B97" s="5" t="s">
        <v>476</v>
      </c>
      <c r="C97" s="11">
        <v>36650600</v>
      </c>
      <c r="D97" s="11">
        <v>47305013</v>
      </c>
      <c r="E97" s="11">
        <v>-4357643.3600000003</v>
      </c>
      <c r="F97" s="11">
        <v>26693318.710000001</v>
      </c>
      <c r="G97" s="11">
        <v>0.16</v>
      </c>
      <c r="H97" s="11">
        <v>20611694.289999999</v>
      </c>
      <c r="I97" s="11">
        <v>578722.69999999995</v>
      </c>
      <c r="J97" s="11">
        <v>2018385.4</v>
      </c>
      <c r="K97" s="11">
        <v>0.02</v>
      </c>
      <c r="L97" s="11">
        <v>45286627.600000001</v>
      </c>
    </row>
    <row r="98" spans="1:12" x14ac:dyDescent="0.25">
      <c r="A98" s="2" t="s">
        <v>192</v>
      </c>
      <c r="B98" s="4" t="s">
        <v>477</v>
      </c>
      <c r="C98" s="13">
        <v>36650600</v>
      </c>
      <c r="D98" s="13">
        <v>47305013</v>
      </c>
      <c r="E98" s="13">
        <v>-4357643.3600000003</v>
      </c>
      <c r="F98" s="13">
        <v>26693318.710000001</v>
      </c>
      <c r="G98" s="13">
        <v>0.16</v>
      </c>
      <c r="H98" s="13">
        <v>20611694.289999999</v>
      </c>
      <c r="I98" s="13">
        <v>578722.69999999995</v>
      </c>
      <c r="J98" s="13">
        <v>2018385.4</v>
      </c>
      <c r="K98" s="13">
        <v>0.02</v>
      </c>
      <c r="L98" s="13">
        <v>45286627.600000001</v>
      </c>
    </row>
    <row r="99" spans="1:12" x14ac:dyDescent="0.25">
      <c r="A99" s="3" t="s">
        <v>194</v>
      </c>
      <c r="B99" s="5" t="s">
        <v>478</v>
      </c>
      <c r="C99" s="11">
        <v>126126900</v>
      </c>
      <c r="D99" s="11">
        <v>165300700</v>
      </c>
      <c r="E99" s="11">
        <v>11740366.51</v>
      </c>
      <c r="F99" s="11">
        <v>80624659.780000001</v>
      </c>
      <c r="G99" s="11">
        <v>0.49</v>
      </c>
      <c r="H99" s="11">
        <v>84676040.219999999</v>
      </c>
      <c r="I99" s="11">
        <v>14091392.93</v>
      </c>
      <c r="J99" s="11">
        <v>68312785.719999999</v>
      </c>
      <c r="K99" s="11">
        <v>0.51</v>
      </c>
      <c r="L99" s="11">
        <v>96987914.280000001</v>
      </c>
    </row>
    <row r="100" spans="1:12" x14ac:dyDescent="0.25">
      <c r="A100" s="2" t="s">
        <v>196</v>
      </c>
      <c r="B100" s="4" t="s">
        <v>424</v>
      </c>
      <c r="C100" s="13">
        <v>62840000</v>
      </c>
      <c r="D100" s="13">
        <v>52898550</v>
      </c>
      <c r="E100" s="13">
        <v>5378852.3700000001</v>
      </c>
      <c r="F100" s="13">
        <v>23119882.800000001</v>
      </c>
      <c r="G100" s="13">
        <v>0.14000000000000001</v>
      </c>
      <c r="H100" s="13">
        <v>29778667.199999999</v>
      </c>
      <c r="I100" s="13">
        <v>5816682.7800000003</v>
      </c>
      <c r="J100" s="13">
        <v>20938757.359999999</v>
      </c>
      <c r="K100" s="13">
        <v>0.16</v>
      </c>
      <c r="L100" s="13">
        <v>31959792.640000001</v>
      </c>
    </row>
    <row r="101" spans="1:12" x14ac:dyDescent="0.25">
      <c r="A101" s="2" t="s">
        <v>198</v>
      </c>
      <c r="B101" s="4" t="s">
        <v>439</v>
      </c>
      <c r="C101" s="13">
        <v>8500000</v>
      </c>
      <c r="D101" s="13">
        <v>10635000</v>
      </c>
      <c r="E101" s="13">
        <v>2835825.21</v>
      </c>
      <c r="F101" s="13">
        <v>4820316.32</v>
      </c>
      <c r="G101" s="13">
        <v>0.03</v>
      </c>
      <c r="H101" s="13">
        <v>5814683.6799999997</v>
      </c>
      <c r="I101" s="13">
        <v>559675.31999999995</v>
      </c>
      <c r="J101" s="13">
        <v>1752994.52</v>
      </c>
      <c r="K101" s="13">
        <v>0.01</v>
      </c>
      <c r="L101" s="13">
        <v>8882005.4800000004</v>
      </c>
    </row>
    <row r="102" spans="1:12" x14ac:dyDescent="0.25">
      <c r="A102" s="2" t="s">
        <v>200</v>
      </c>
      <c r="B102" s="4" t="s">
        <v>479</v>
      </c>
      <c r="C102" s="13">
        <v>51638000</v>
      </c>
      <c r="D102" s="13">
        <v>98148800</v>
      </c>
      <c r="E102" s="13">
        <v>3532685.47</v>
      </c>
      <c r="F102" s="13">
        <v>50858340.909999996</v>
      </c>
      <c r="G102" s="13">
        <v>0.31</v>
      </c>
      <c r="H102" s="13">
        <v>47290459.090000004</v>
      </c>
      <c r="I102" s="13">
        <v>7518436.0599999996</v>
      </c>
      <c r="J102" s="13">
        <v>43879899.299999997</v>
      </c>
      <c r="K102" s="13">
        <v>0.33</v>
      </c>
      <c r="L102" s="13">
        <v>54268900.700000003</v>
      </c>
    </row>
    <row r="103" spans="1:12" x14ac:dyDescent="0.25">
      <c r="A103" s="2" t="s">
        <v>202</v>
      </c>
      <c r="B103" s="4" t="s">
        <v>480</v>
      </c>
      <c r="C103" s="13">
        <v>2814800</v>
      </c>
      <c r="D103" s="13">
        <v>3284250</v>
      </c>
      <c r="E103" s="13">
        <v>-6996.54</v>
      </c>
      <c r="F103" s="13">
        <v>1826119.75</v>
      </c>
      <c r="G103" s="13">
        <v>0.01</v>
      </c>
      <c r="H103" s="13">
        <v>1458130.25</v>
      </c>
      <c r="I103" s="13">
        <v>196598.77</v>
      </c>
      <c r="J103" s="13">
        <v>1741134.54</v>
      </c>
      <c r="K103" s="13">
        <v>0.01</v>
      </c>
      <c r="L103" s="13">
        <v>1543115.46</v>
      </c>
    </row>
    <row r="104" spans="1:12" x14ac:dyDescent="0.25">
      <c r="A104" s="2" t="s">
        <v>204</v>
      </c>
      <c r="B104" s="4" t="s">
        <v>481</v>
      </c>
      <c r="C104" s="13">
        <v>234100</v>
      </c>
      <c r="D104" s="13">
        <v>234100</v>
      </c>
      <c r="E104" s="13">
        <v>0</v>
      </c>
      <c r="F104" s="13">
        <v>0</v>
      </c>
      <c r="G104" s="13">
        <v>0</v>
      </c>
      <c r="H104" s="13">
        <v>234100</v>
      </c>
      <c r="I104" s="13">
        <v>0</v>
      </c>
      <c r="J104" s="13">
        <v>0</v>
      </c>
      <c r="K104" s="13">
        <v>0</v>
      </c>
      <c r="L104" s="13">
        <v>234100</v>
      </c>
    </row>
    <row r="105" spans="1:12" x14ac:dyDescent="0.25">
      <c r="A105" s="2" t="s">
        <v>206</v>
      </c>
      <c r="B105" s="4" t="s">
        <v>482</v>
      </c>
      <c r="C105" s="13">
        <v>100000</v>
      </c>
      <c r="D105" s="13">
        <v>100000</v>
      </c>
      <c r="E105" s="13">
        <v>0</v>
      </c>
      <c r="F105" s="13">
        <v>0</v>
      </c>
      <c r="G105" s="13">
        <v>0</v>
      </c>
      <c r="H105" s="13">
        <v>100000</v>
      </c>
      <c r="I105" s="13">
        <v>0</v>
      </c>
      <c r="J105" s="13">
        <v>0</v>
      </c>
      <c r="K105" s="13">
        <v>0</v>
      </c>
      <c r="L105" s="13">
        <v>100000</v>
      </c>
    </row>
    <row r="106" spans="1:12" x14ac:dyDescent="0.25">
      <c r="A106" s="3" t="s">
        <v>208</v>
      </c>
      <c r="B106" s="5" t="s">
        <v>483</v>
      </c>
      <c r="C106" s="11">
        <v>45152400</v>
      </c>
      <c r="D106" s="11">
        <v>73849800</v>
      </c>
      <c r="E106" s="11">
        <v>21033285.07</v>
      </c>
      <c r="F106" s="11">
        <v>43734410.310000002</v>
      </c>
      <c r="G106" s="11">
        <v>0.27</v>
      </c>
      <c r="H106" s="11">
        <v>30115389.690000001</v>
      </c>
      <c r="I106" s="11">
        <v>21168755.25</v>
      </c>
      <c r="J106" s="11">
        <v>36793545.490000002</v>
      </c>
      <c r="K106" s="11">
        <v>0.28000000000000003</v>
      </c>
      <c r="L106" s="11">
        <v>37056254.509999998</v>
      </c>
    </row>
    <row r="107" spans="1:12" x14ac:dyDescent="0.25">
      <c r="A107" s="2" t="s">
        <v>210</v>
      </c>
      <c r="B107" s="4" t="s">
        <v>425</v>
      </c>
      <c r="C107" s="13">
        <v>200</v>
      </c>
      <c r="D107" s="13">
        <v>70600</v>
      </c>
      <c r="E107" s="13">
        <v>18728.82</v>
      </c>
      <c r="F107" s="13">
        <v>37457.64</v>
      </c>
      <c r="G107" s="13">
        <v>0</v>
      </c>
      <c r="H107" s="13">
        <v>33142.36</v>
      </c>
      <c r="I107" s="13">
        <v>18728.82</v>
      </c>
      <c r="J107" s="13">
        <v>37457.64</v>
      </c>
      <c r="K107" s="13">
        <v>0</v>
      </c>
      <c r="L107" s="13">
        <v>33142.36</v>
      </c>
    </row>
    <row r="108" spans="1:12" x14ac:dyDescent="0.25">
      <c r="A108" s="2" t="s">
        <v>212</v>
      </c>
      <c r="B108" s="4" t="s">
        <v>468</v>
      </c>
      <c r="C108" s="13">
        <v>17417300</v>
      </c>
      <c r="D108" s="13">
        <v>45775353</v>
      </c>
      <c r="E108" s="13">
        <v>20670418.359999999</v>
      </c>
      <c r="F108" s="13">
        <v>35951044.600000001</v>
      </c>
      <c r="G108" s="13">
        <v>0.22</v>
      </c>
      <c r="H108" s="13">
        <v>9824308.4000000004</v>
      </c>
      <c r="I108" s="13">
        <v>19672328.539999999</v>
      </c>
      <c r="J108" s="13">
        <v>30522379.780000001</v>
      </c>
      <c r="K108" s="13">
        <v>0.23</v>
      </c>
      <c r="L108" s="13">
        <v>15252973.220000001</v>
      </c>
    </row>
    <row r="109" spans="1:12" x14ac:dyDescent="0.25">
      <c r="A109" s="2" t="s">
        <v>214</v>
      </c>
      <c r="B109" s="4" t="s">
        <v>484</v>
      </c>
      <c r="C109" s="13">
        <v>27734900</v>
      </c>
      <c r="D109" s="13">
        <v>28003847</v>
      </c>
      <c r="E109" s="13">
        <v>344137.89</v>
      </c>
      <c r="F109" s="13">
        <v>7745908.0700000003</v>
      </c>
      <c r="G109" s="13">
        <v>0.05</v>
      </c>
      <c r="H109" s="13">
        <v>20257938.93</v>
      </c>
      <c r="I109" s="13">
        <v>1477697.89</v>
      </c>
      <c r="J109" s="13">
        <v>6233708.0700000003</v>
      </c>
      <c r="K109" s="13">
        <v>0.05</v>
      </c>
      <c r="L109" s="13">
        <v>21770138.93</v>
      </c>
    </row>
    <row r="110" spans="1:12" x14ac:dyDescent="0.25">
      <c r="A110" s="3" t="s">
        <v>216</v>
      </c>
      <c r="B110" s="5" t="s">
        <v>485</v>
      </c>
      <c r="C110" s="11">
        <v>241658000</v>
      </c>
      <c r="D110" s="11">
        <v>482312944.37</v>
      </c>
      <c r="E110" s="11">
        <v>114711676.95999999</v>
      </c>
      <c r="F110" s="11">
        <v>323860336.80000001</v>
      </c>
      <c r="G110" s="11">
        <v>1.96</v>
      </c>
      <c r="H110" s="11">
        <v>158452607.56999999</v>
      </c>
      <c r="I110" s="11">
        <v>79012064.930000007</v>
      </c>
      <c r="J110" s="11">
        <v>200507638.18000001</v>
      </c>
      <c r="K110" s="11">
        <v>1.5</v>
      </c>
      <c r="L110" s="11">
        <v>281805306.19</v>
      </c>
    </row>
    <row r="111" spans="1:12" x14ac:dyDescent="0.25">
      <c r="A111" s="2" t="s">
        <v>217</v>
      </c>
      <c r="B111" s="4" t="s">
        <v>424</v>
      </c>
      <c r="C111" s="13">
        <v>101604500</v>
      </c>
      <c r="D111" s="13">
        <v>83874167</v>
      </c>
      <c r="E111" s="13">
        <v>5589806.1900000004</v>
      </c>
      <c r="F111" s="13">
        <v>57839243.159999996</v>
      </c>
      <c r="G111" s="13">
        <v>0.35</v>
      </c>
      <c r="H111" s="13">
        <v>26034923.84</v>
      </c>
      <c r="I111" s="13">
        <v>5429442.2800000003</v>
      </c>
      <c r="J111" s="13">
        <v>51030330.090000004</v>
      </c>
      <c r="K111" s="13">
        <v>0.38</v>
      </c>
      <c r="L111" s="13">
        <v>32843836.91</v>
      </c>
    </row>
    <row r="112" spans="1:12" x14ac:dyDescent="0.25">
      <c r="A112" s="2" t="s">
        <v>218</v>
      </c>
      <c r="B112" s="4" t="s">
        <v>473</v>
      </c>
      <c r="C112" s="13">
        <v>1400</v>
      </c>
      <c r="D112" s="13">
        <v>9932526</v>
      </c>
      <c r="E112" s="13">
        <v>5916.32</v>
      </c>
      <c r="F112" s="13">
        <v>9350751.8200000003</v>
      </c>
      <c r="G112" s="13">
        <v>0.06</v>
      </c>
      <c r="H112" s="13">
        <v>581774.18000000005</v>
      </c>
      <c r="I112" s="13">
        <v>311112.18</v>
      </c>
      <c r="J112" s="13">
        <v>7528608.3200000003</v>
      </c>
      <c r="K112" s="13">
        <v>0.06</v>
      </c>
      <c r="L112" s="13">
        <v>2403917.6800000002</v>
      </c>
    </row>
    <row r="113" spans="1:12" x14ac:dyDescent="0.25">
      <c r="A113" s="2" t="s">
        <v>220</v>
      </c>
      <c r="B113" s="4" t="s">
        <v>479</v>
      </c>
      <c r="C113" s="13">
        <v>2181100</v>
      </c>
      <c r="D113" s="13">
        <v>154492436.05000001</v>
      </c>
      <c r="E113" s="13">
        <v>92862395.040000007</v>
      </c>
      <c r="F113" s="13">
        <v>129249902.83</v>
      </c>
      <c r="G113" s="13">
        <v>0.78</v>
      </c>
      <c r="H113" s="13">
        <v>25242533.219999999</v>
      </c>
      <c r="I113" s="13">
        <v>15989057.960000001</v>
      </c>
      <c r="J113" s="13">
        <v>45169902.829999998</v>
      </c>
      <c r="K113" s="13">
        <v>0.34</v>
      </c>
      <c r="L113" s="13">
        <v>109322533.22</v>
      </c>
    </row>
    <row r="114" spans="1:12" x14ac:dyDescent="0.25">
      <c r="A114" s="2" t="s">
        <v>222</v>
      </c>
      <c r="B114" s="4" t="s">
        <v>480</v>
      </c>
      <c r="C114" s="13">
        <v>100</v>
      </c>
      <c r="D114" s="13">
        <v>310600</v>
      </c>
      <c r="E114" s="13">
        <v>112447.19</v>
      </c>
      <c r="F114" s="13">
        <v>190053.59</v>
      </c>
      <c r="G114" s="13">
        <v>0</v>
      </c>
      <c r="H114" s="13">
        <v>120546.41</v>
      </c>
      <c r="I114" s="13">
        <v>82447.289999999994</v>
      </c>
      <c r="J114" s="13">
        <v>160053.69</v>
      </c>
      <c r="K114" s="13">
        <v>0</v>
      </c>
      <c r="L114" s="13">
        <v>150546.31</v>
      </c>
    </row>
    <row r="115" spans="1:12" x14ac:dyDescent="0.25">
      <c r="A115" s="2" t="s">
        <v>224</v>
      </c>
      <c r="B115" s="4" t="s">
        <v>482</v>
      </c>
      <c r="C115" s="13">
        <v>100</v>
      </c>
      <c r="D115" s="13">
        <v>98200</v>
      </c>
      <c r="E115" s="13">
        <v>22889.85</v>
      </c>
      <c r="F115" s="13">
        <v>51788.23</v>
      </c>
      <c r="G115" s="13">
        <v>0</v>
      </c>
      <c r="H115" s="13">
        <v>46411.77</v>
      </c>
      <c r="I115" s="13">
        <v>22889.85</v>
      </c>
      <c r="J115" s="13">
        <v>51788.23</v>
      </c>
      <c r="K115" s="13">
        <v>0</v>
      </c>
      <c r="L115" s="13">
        <v>46411.77</v>
      </c>
    </row>
    <row r="116" spans="1:12" x14ac:dyDescent="0.25">
      <c r="A116" s="2" t="s">
        <v>227</v>
      </c>
      <c r="B116" s="4" t="s">
        <v>484</v>
      </c>
      <c r="C116" s="13">
        <v>3611800</v>
      </c>
      <c r="D116" s="13">
        <v>6039266</v>
      </c>
      <c r="E116" s="13">
        <v>428394.67</v>
      </c>
      <c r="F116" s="13">
        <v>1647978.12</v>
      </c>
      <c r="G116" s="13">
        <v>0.01</v>
      </c>
      <c r="H116" s="13">
        <v>4391287.88</v>
      </c>
      <c r="I116" s="13">
        <v>449204.22</v>
      </c>
      <c r="J116" s="13">
        <v>1614723.31</v>
      </c>
      <c r="K116" s="13">
        <v>0.01</v>
      </c>
      <c r="L116" s="13">
        <v>4424542.6900000004</v>
      </c>
    </row>
    <row r="117" spans="1:12" x14ac:dyDescent="0.25">
      <c r="A117" s="2" t="s">
        <v>229</v>
      </c>
      <c r="B117" s="4" t="s">
        <v>486</v>
      </c>
      <c r="C117" s="13">
        <v>76417800</v>
      </c>
      <c r="D117" s="13">
        <v>122630530</v>
      </c>
      <c r="E117" s="13">
        <v>8320523.04</v>
      </c>
      <c r="F117" s="13">
        <v>64819459.93</v>
      </c>
      <c r="G117" s="13">
        <v>0.39</v>
      </c>
      <c r="H117" s="13">
        <v>57811070.07</v>
      </c>
      <c r="I117" s="13">
        <v>32279759.66</v>
      </c>
      <c r="J117" s="13">
        <v>47662131.899999999</v>
      </c>
      <c r="K117" s="13">
        <v>0.36</v>
      </c>
      <c r="L117" s="13">
        <v>74968398.099999994</v>
      </c>
    </row>
    <row r="118" spans="1:12" x14ac:dyDescent="0.25">
      <c r="A118" s="2" t="s">
        <v>231</v>
      </c>
      <c r="B118" s="4" t="s">
        <v>487</v>
      </c>
      <c r="C118" s="13">
        <v>100</v>
      </c>
      <c r="D118" s="13">
        <v>100</v>
      </c>
      <c r="E118" s="13">
        <v>0</v>
      </c>
      <c r="F118" s="13">
        <v>0</v>
      </c>
      <c r="G118" s="13">
        <v>0</v>
      </c>
      <c r="H118" s="13">
        <v>100</v>
      </c>
      <c r="I118" s="13">
        <v>0</v>
      </c>
      <c r="J118" s="13">
        <v>0</v>
      </c>
      <c r="K118" s="13">
        <v>0</v>
      </c>
      <c r="L118" s="13">
        <v>100</v>
      </c>
    </row>
    <row r="119" spans="1:12" x14ac:dyDescent="0.25">
      <c r="A119" s="2" t="s">
        <v>233</v>
      </c>
      <c r="B119" s="4" t="s">
        <v>488</v>
      </c>
      <c r="C119" s="13">
        <v>19721700</v>
      </c>
      <c r="D119" s="13">
        <v>21003300</v>
      </c>
      <c r="E119" s="13">
        <v>2645273.48</v>
      </c>
      <c r="F119" s="13">
        <v>10278633.710000001</v>
      </c>
      <c r="G119" s="13">
        <v>0.06</v>
      </c>
      <c r="H119" s="13">
        <v>10724666.289999999</v>
      </c>
      <c r="I119" s="13">
        <v>2735657.08</v>
      </c>
      <c r="J119" s="13">
        <v>9947111.6999999993</v>
      </c>
      <c r="K119" s="13">
        <v>7.0000000000000007E-2</v>
      </c>
      <c r="L119" s="13">
        <v>11056188.300000001</v>
      </c>
    </row>
    <row r="120" spans="1:12" x14ac:dyDescent="0.25">
      <c r="A120" s="2" t="s">
        <v>235</v>
      </c>
      <c r="B120" s="4" t="s">
        <v>489</v>
      </c>
      <c r="C120" s="13">
        <v>38119400</v>
      </c>
      <c r="D120" s="13">
        <v>83931819.319999993</v>
      </c>
      <c r="E120" s="13">
        <v>4724031.18</v>
      </c>
      <c r="F120" s="13">
        <v>50432525.409999996</v>
      </c>
      <c r="G120" s="13">
        <v>0.31</v>
      </c>
      <c r="H120" s="13">
        <v>33499293.91</v>
      </c>
      <c r="I120" s="13">
        <v>21712494.41</v>
      </c>
      <c r="J120" s="13">
        <v>37342988.109999999</v>
      </c>
      <c r="K120" s="13">
        <v>0.28000000000000003</v>
      </c>
      <c r="L120" s="13">
        <v>46588831.210000001</v>
      </c>
    </row>
    <row r="121" spans="1:12" x14ac:dyDescent="0.25">
      <c r="A121" s="3" t="s">
        <v>237</v>
      </c>
      <c r="B121" s="5" t="s">
        <v>490</v>
      </c>
      <c r="C121" s="11">
        <v>3861700</v>
      </c>
      <c r="D121" s="11">
        <v>9452100</v>
      </c>
      <c r="E121" s="11">
        <v>860245.05</v>
      </c>
      <c r="F121" s="11">
        <v>2724687</v>
      </c>
      <c r="G121" s="11">
        <v>0.02</v>
      </c>
      <c r="H121" s="11">
        <v>6727413</v>
      </c>
      <c r="I121" s="11">
        <v>706327.76</v>
      </c>
      <c r="J121" s="11">
        <v>2550089.77</v>
      </c>
      <c r="K121" s="11">
        <v>0.02</v>
      </c>
      <c r="L121" s="11">
        <v>6902010.2300000004</v>
      </c>
    </row>
    <row r="122" spans="1:12" x14ac:dyDescent="0.25">
      <c r="A122" s="2" t="s">
        <v>239</v>
      </c>
      <c r="B122" s="4" t="s">
        <v>491</v>
      </c>
      <c r="C122" s="13">
        <v>3861700</v>
      </c>
      <c r="D122" s="13">
        <v>9452100</v>
      </c>
      <c r="E122" s="13">
        <v>860245.05</v>
      </c>
      <c r="F122" s="13">
        <v>2724687</v>
      </c>
      <c r="G122" s="13">
        <v>0.02</v>
      </c>
      <c r="H122" s="13">
        <v>6727413</v>
      </c>
      <c r="I122" s="13">
        <v>706327.76</v>
      </c>
      <c r="J122" s="13">
        <v>2550089.77</v>
      </c>
      <c r="K122" s="13">
        <v>0.02</v>
      </c>
      <c r="L122" s="13">
        <v>6902010.2300000004</v>
      </c>
    </row>
    <row r="123" spans="1:12" x14ac:dyDescent="0.25">
      <c r="A123" s="3" t="s">
        <v>241</v>
      </c>
      <c r="B123" s="5" t="s">
        <v>492</v>
      </c>
      <c r="C123" s="11">
        <v>323103200</v>
      </c>
      <c r="D123" s="11">
        <v>323382400</v>
      </c>
      <c r="E123" s="11">
        <v>3898308.94</v>
      </c>
      <c r="F123" s="11">
        <v>57792072.549999997</v>
      </c>
      <c r="G123" s="11">
        <v>0.35</v>
      </c>
      <c r="H123" s="11">
        <v>265590327.44999999</v>
      </c>
      <c r="I123" s="11">
        <v>2113241.36</v>
      </c>
      <c r="J123" s="11">
        <v>52749251.859999999</v>
      </c>
      <c r="K123" s="11">
        <v>0.39</v>
      </c>
      <c r="L123" s="11">
        <v>270633148.13999999</v>
      </c>
    </row>
    <row r="124" spans="1:12" x14ac:dyDescent="0.25">
      <c r="A124" s="2" t="s">
        <v>243</v>
      </c>
      <c r="B124" s="4" t="s">
        <v>493</v>
      </c>
      <c r="C124" s="13">
        <v>323103200</v>
      </c>
      <c r="D124" s="13">
        <v>323382400</v>
      </c>
      <c r="E124" s="13">
        <v>3898308.94</v>
      </c>
      <c r="F124" s="13">
        <v>57792072.549999997</v>
      </c>
      <c r="G124" s="13">
        <v>0.35</v>
      </c>
      <c r="H124" s="13">
        <v>265590327.44999999</v>
      </c>
      <c r="I124" s="13">
        <v>2113241.36</v>
      </c>
      <c r="J124" s="13">
        <v>52749251.859999999</v>
      </c>
      <c r="K124" s="13">
        <v>0.39</v>
      </c>
      <c r="L124" s="13">
        <v>270633148.13999999</v>
      </c>
    </row>
    <row r="125" spans="1:12" x14ac:dyDescent="0.25">
      <c r="A125" s="3" t="s">
        <v>245</v>
      </c>
      <c r="B125" s="5" t="s">
        <v>494</v>
      </c>
      <c r="C125" s="11">
        <v>35861800</v>
      </c>
      <c r="D125" s="11">
        <v>53259414.719999999</v>
      </c>
      <c r="E125" s="11">
        <v>6134934.5999999996</v>
      </c>
      <c r="F125" s="11">
        <v>25157240.809999999</v>
      </c>
      <c r="G125" s="11">
        <v>0.15</v>
      </c>
      <c r="H125" s="11">
        <v>28102173.91</v>
      </c>
      <c r="I125" s="11">
        <v>5354677.0199999996</v>
      </c>
      <c r="J125" s="11">
        <v>18363905.98</v>
      </c>
      <c r="K125" s="11">
        <v>0.13</v>
      </c>
      <c r="L125" s="11">
        <v>34895508.740000002</v>
      </c>
    </row>
    <row r="126" spans="1:12" x14ac:dyDescent="0.25">
      <c r="A126" s="2" t="s">
        <v>247</v>
      </c>
      <c r="B126" s="4" t="s">
        <v>495</v>
      </c>
      <c r="C126" s="13">
        <v>13335500</v>
      </c>
      <c r="D126" s="13">
        <v>15276300</v>
      </c>
      <c r="E126" s="13">
        <v>1552032.65</v>
      </c>
      <c r="F126" s="13">
        <v>6433035.96</v>
      </c>
      <c r="G126" s="13">
        <v>0.04</v>
      </c>
      <c r="H126" s="13">
        <v>8843264.0399999991</v>
      </c>
      <c r="I126" s="13">
        <v>1362214.63</v>
      </c>
      <c r="J126" s="13">
        <v>5796976.5199999996</v>
      </c>
      <c r="K126" s="13">
        <v>0.04</v>
      </c>
      <c r="L126" s="13">
        <v>9479323.4800000004</v>
      </c>
    </row>
    <row r="127" spans="1:12" x14ac:dyDescent="0.25">
      <c r="A127" s="2" t="s">
        <v>249</v>
      </c>
      <c r="B127" s="4" t="s">
        <v>496</v>
      </c>
      <c r="C127" s="13">
        <v>500300</v>
      </c>
      <c r="D127" s="13">
        <v>3314900</v>
      </c>
      <c r="E127" s="13">
        <v>113798.87</v>
      </c>
      <c r="F127" s="13">
        <v>2455277.2999999998</v>
      </c>
      <c r="G127" s="13">
        <v>0.01</v>
      </c>
      <c r="H127" s="13">
        <v>859622.7</v>
      </c>
      <c r="I127" s="13">
        <v>726428.17</v>
      </c>
      <c r="J127" s="13">
        <v>1666150.05</v>
      </c>
      <c r="K127" s="13">
        <v>0.01</v>
      </c>
      <c r="L127" s="13">
        <v>1648749.95</v>
      </c>
    </row>
    <row r="128" spans="1:12" x14ac:dyDescent="0.25">
      <c r="A128" s="2" t="s">
        <v>251</v>
      </c>
      <c r="B128" s="4" t="s">
        <v>497</v>
      </c>
      <c r="C128" s="13">
        <v>10532100</v>
      </c>
      <c r="D128" s="13">
        <v>8034400</v>
      </c>
      <c r="E128" s="13">
        <v>471426.48</v>
      </c>
      <c r="F128" s="13">
        <v>4587048.1900000004</v>
      </c>
      <c r="G128" s="13">
        <v>0.03</v>
      </c>
      <c r="H128" s="13">
        <v>3447351.81</v>
      </c>
      <c r="I128" s="13">
        <v>559362</v>
      </c>
      <c r="J128" s="13">
        <v>4038537.28</v>
      </c>
      <c r="K128" s="13">
        <v>0.03</v>
      </c>
      <c r="L128" s="13">
        <v>3995862.72</v>
      </c>
    </row>
    <row r="129" spans="1:12" x14ac:dyDescent="0.25">
      <c r="A129" s="2" t="s">
        <v>253</v>
      </c>
      <c r="B129" s="4" t="s">
        <v>498</v>
      </c>
      <c r="C129" s="13">
        <v>11493900</v>
      </c>
      <c r="D129" s="13">
        <v>26633814.719999999</v>
      </c>
      <c r="E129" s="13">
        <v>3997676.6</v>
      </c>
      <c r="F129" s="13">
        <v>11681879.359999999</v>
      </c>
      <c r="G129" s="13">
        <v>7.0000000000000007E-2</v>
      </c>
      <c r="H129" s="13">
        <v>14951935.359999999</v>
      </c>
      <c r="I129" s="13">
        <v>2706672.22</v>
      </c>
      <c r="J129" s="13">
        <v>6862242.1299999999</v>
      </c>
      <c r="K129" s="13">
        <v>0.05</v>
      </c>
      <c r="L129" s="13">
        <v>19771572.59</v>
      </c>
    </row>
    <row r="130" spans="1:12" x14ac:dyDescent="0.25">
      <c r="A130" s="3" t="s">
        <v>255</v>
      </c>
      <c r="B130" s="5" t="s">
        <v>499</v>
      </c>
      <c r="C130" s="11">
        <v>1700</v>
      </c>
      <c r="D130" s="11">
        <v>40700</v>
      </c>
      <c r="E130" s="11">
        <v>18517.650000000001</v>
      </c>
      <c r="F130" s="11">
        <v>18517.650000000001</v>
      </c>
      <c r="G130" s="11">
        <v>0</v>
      </c>
      <c r="H130" s="11">
        <v>22182.35</v>
      </c>
      <c r="I130" s="11">
        <v>18516.650000000001</v>
      </c>
      <c r="J130" s="11">
        <v>18516.650000000001</v>
      </c>
      <c r="K130" s="11">
        <v>0</v>
      </c>
      <c r="L130" s="11">
        <v>22183.35</v>
      </c>
    </row>
    <row r="131" spans="1:12" x14ac:dyDescent="0.25">
      <c r="A131" s="2" t="s">
        <v>257</v>
      </c>
      <c r="B131" s="4" t="s">
        <v>500</v>
      </c>
      <c r="C131" s="13">
        <v>1700</v>
      </c>
      <c r="D131" s="13">
        <v>40700</v>
      </c>
      <c r="E131" s="13">
        <v>18517.650000000001</v>
      </c>
      <c r="F131" s="13">
        <v>18517.650000000001</v>
      </c>
      <c r="G131" s="13">
        <v>0</v>
      </c>
      <c r="H131" s="13">
        <v>22182.35</v>
      </c>
      <c r="I131" s="13">
        <v>18516.650000000001</v>
      </c>
      <c r="J131" s="13">
        <v>18516.650000000001</v>
      </c>
      <c r="K131" s="13">
        <v>0</v>
      </c>
      <c r="L131" s="13">
        <v>22183.35</v>
      </c>
    </row>
    <row r="132" spans="1:12" x14ac:dyDescent="0.25">
      <c r="A132" s="3" t="s">
        <v>259</v>
      </c>
      <c r="B132" s="5" t="s">
        <v>501</v>
      </c>
      <c r="C132" s="11">
        <v>22000</v>
      </c>
      <c r="D132" s="11">
        <v>18265740</v>
      </c>
      <c r="E132" s="11">
        <v>2152709.81</v>
      </c>
      <c r="F132" s="11">
        <v>13286042.710000001</v>
      </c>
      <c r="G132" s="11">
        <v>0.08</v>
      </c>
      <c r="H132" s="11">
        <v>4979697.29</v>
      </c>
      <c r="I132" s="11">
        <v>0</v>
      </c>
      <c r="J132" s="11">
        <v>1192787.29</v>
      </c>
      <c r="K132" s="11">
        <v>0.01</v>
      </c>
      <c r="L132" s="11">
        <v>17072952.710000001</v>
      </c>
    </row>
    <row r="133" spans="1:12" x14ac:dyDescent="0.25">
      <c r="A133" s="2" t="s">
        <v>261</v>
      </c>
      <c r="B133" s="4" t="s">
        <v>502</v>
      </c>
      <c r="C133" s="13">
        <v>1000</v>
      </c>
      <c r="D133" s="13">
        <v>1000</v>
      </c>
      <c r="E133" s="13">
        <v>0</v>
      </c>
      <c r="F133" s="13">
        <v>0</v>
      </c>
      <c r="G133" s="13">
        <v>0</v>
      </c>
      <c r="H133" s="13">
        <v>1000</v>
      </c>
      <c r="I133" s="13">
        <v>0</v>
      </c>
      <c r="J133" s="13">
        <v>0</v>
      </c>
      <c r="K133" s="13">
        <v>0</v>
      </c>
      <c r="L133" s="13">
        <v>1000</v>
      </c>
    </row>
    <row r="134" spans="1:12" x14ac:dyDescent="0.25">
      <c r="A134" s="2" t="s">
        <v>263</v>
      </c>
      <c r="B134" s="4" t="s">
        <v>503</v>
      </c>
      <c r="C134" s="13">
        <v>21000</v>
      </c>
      <c r="D134" s="13">
        <v>18264740</v>
      </c>
      <c r="E134" s="13">
        <v>2152709.81</v>
      </c>
      <c r="F134" s="13">
        <v>13286042.710000001</v>
      </c>
      <c r="G134" s="13">
        <v>0.08</v>
      </c>
      <c r="H134" s="13">
        <v>4978697.29</v>
      </c>
      <c r="I134" s="13">
        <v>0</v>
      </c>
      <c r="J134" s="13">
        <v>1192787.29</v>
      </c>
      <c r="K134" s="13">
        <v>0.01</v>
      </c>
      <c r="L134" s="13">
        <v>17071952.710000001</v>
      </c>
    </row>
    <row r="135" spans="1:12" x14ac:dyDescent="0.25">
      <c r="A135" s="3" t="s">
        <v>265</v>
      </c>
      <c r="B135" s="5" t="s">
        <v>504</v>
      </c>
      <c r="C135" s="11">
        <v>1351156000</v>
      </c>
      <c r="D135" s="11">
        <v>2642170418.1799998</v>
      </c>
      <c r="E135" s="11">
        <v>197997117.18000001</v>
      </c>
      <c r="F135" s="11">
        <v>2181480361.25</v>
      </c>
      <c r="G135" s="11">
        <v>13.23</v>
      </c>
      <c r="H135" s="11">
        <v>460690056.93000001</v>
      </c>
      <c r="I135" s="11">
        <v>507722117.33999997</v>
      </c>
      <c r="J135" s="11">
        <v>1392424338.26</v>
      </c>
      <c r="K135" s="11">
        <v>10.37</v>
      </c>
      <c r="L135" s="11">
        <v>1249746079.9200001</v>
      </c>
    </row>
    <row r="136" spans="1:12" x14ac:dyDescent="0.25">
      <c r="A136" s="2" t="s">
        <v>267</v>
      </c>
      <c r="B136" s="4" t="s">
        <v>424</v>
      </c>
      <c r="C136" s="13">
        <v>100192300</v>
      </c>
      <c r="D136" s="13">
        <v>134056587</v>
      </c>
      <c r="E136" s="13">
        <v>21092422.91</v>
      </c>
      <c r="F136" s="13">
        <v>71061841.829999998</v>
      </c>
      <c r="G136" s="13">
        <v>0.43</v>
      </c>
      <c r="H136" s="13">
        <v>62994745.170000002</v>
      </c>
      <c r="I136" s="13">
        <v>14158933.279999999</v>
      </c>
      <c r="J136" s="13">
        <v>51655794.969999999</v>
      </c>
      <c r="K136" s="13">
        <v>0.38</v>
      </c>
      <c r="L136" s="13">
        <v>82400792.030000001</v>
      </c>
    </row>
    <row r="137" spans="1:12" x14ac:dyDescent="0.25">
      <c r="A137" s="2" t="s">
        <v>269</v>
      </c>
      <c r="B137" s="4" t="s">
        <v>505</v>
      </c>
      <c r="C137" s="13">
        <v>3000</v>
      </c>
      <c r="D137" s="13">
        <v>14915460</v>
      </c>
      <c r="E137" s="13">
        <v>2710364.53</v>
      </c>
      <c r="F137" s="13">
        <v>8241877.3499999996</v>
      </c>
      <c r="G137" s="13">
        <v>0.05</v>
      </c>
      <c r="H137" s="13">
        <v>6673582.6500000004</v>
      </c>
      <c r="I137" s="13">
        <v>577701.16</v>
      </c>
      <c r="J137" s="13">
        <v>1598705.98</v>
      </c>
      <c r="K137" s="13">
        <v>0.01</v>
      </c>
      <c r="L137" s="13">
        <v>13316754.02</v>
      </c>
    </row>
    <row r="138" spans="1:12" x14ac:dyDescent="0.25">
      <c r="A138" s="2" t="s">
        <v>271</v>
      </c>
      <c r="B138" s="4" t="s">
        <v>506</v>
      </c>
      <c r="C138" s="13">
        <v>1250958600</v>
      </c>
      <c r="D138" s="13">
        <v>2493196271.1799998</v>
      </c>
      <c r="E138" s="13">
        <v>174194329.74000001</v>
      </c>
      <c r="F138" s="13">
        <v>2102176642.0699999</v>
      </c>
      <c r="G138" s="13">
        <v>12.75</v>
      </c>
      <c r="H138" s="13">
        <v>391019629.11000001</v>
      </c>
      <c r="I138" s="13">
        <v>492985482.89999998</v>
      </c>
      <c r="J138" s="13">
        <v>1339169837.3099999</v>
      </c>
      <c r="K138" s="13">
        <v>9.98</v>
      </c>
      <c r="L138" s="13">
        <v>1154026433.8699999</v>
      </c>
    </row>
    <row r="139" spans="1:12" x14ac:dyDescent="0.25">
      <c r="A139" s="2" t="s">
        <v>273</v>
      </c>
      <c r="B139" s="4" t="s">
        <v>507</v>
      </c>
      <c r="C139" s="13">
        <v>1100</v>
      </c>
      <c r="D139" s="13">
        <v>1100</v>
      </c>
      <c r="E139" s="13">
        <v>0</v>
      </c>
      <c r="F139" s="13">
        <v>0</v>
      </c>
      <c r="G139" s="13">
        <v>0</v>
      </c>
      <c r="H139" s="13">
        <v>1100</v>
      </c>
      <c r="I139" s="13">
        <v>0</v>
      </c>
      <c r="J139" s="13">
        <v>0</v>
      </c>
      <c r="K139" s="13">
        <v>0</v>
      </c>
      <c r="L139" s="13">
        <v>1100</v>
      </c>
    </row>
    <row r="140" spans="1:12" x14ac:dyDescent="0.25">
      <c r="A140" s="2" t="s">
        <v>275</v>
      </c>
      <c r="B140" s="4" t="s">
        <v>508</v>
      </c>
      <c r="C140" s="13">
        <v>1000</v>
      </c>
      <c r="D140" s="13">
        <v>1000</v>
      </c>
      <c r="E140" s="13">
        <v>0</v>
      </c>
      <c r="F140" s="13">
        <v>0</v>
      </c>
      <c r="G140" s="13">
        <v>0</v>
      </c>
      <c r="H140" s="13">
        <v>1000</v>
      </c>
      <c r="I140" s="13">
        <v>0</v>
      </c>
      <c r="J140" s="13">
        <v>0</v>
      </c>
      <c r="K140" s="13">
        <v>0</v>
      </c>
      <c r="L140" s="13">
        <v>1000</v>
      </c>
    </row>
    <row r="141" spans="1:12" x14ac:dyDescent="0.25">
      <c r="A141" s="3" t="s">
        <v>277</v>
      </c>
      <c r="B141" s="5" t="s">
        <v>509</v>
      </c>
      <c r="C141" s="11">
        <v>35073700</v>
      </c>
      <c r="D141" s="11">
        <v>135609995</v>
      </c>
      <c r="E141" s="11">
        <v>27061658.84</v>
      </c>
      <c r="F141" s="11">
        <v>101043085.34</v>
      </c>
      <c r="G141" s="11">
        <v>0.61</v>
      </c>
      <c r="H141" s="11">
        <v>34566909.659999996</v>
      </c>
      <c r="I141" s="11">
        <v>14939206.810000001</v>
      </c>
      <c r="J141" s="11">
        <v>58999702.100000001</v>
      </c>
      <c r="K141" s="11">
        <v>0.44</v>
      </c>
      <c r="L141" s="11">
        <v>76610292.900000006</v>
      </c>
    </row>
    <row r="142" spans="1:12" x14ac:dyDescent="0.25">
      <c r="A142" s="2" t="s">
        <v>279</v>
      </c>
      <c r="B142" s="4" t="s">
        <v>424</v>
      </c>
      <c r="C142" s="13">
        <v>3686000</v>
      </c>
      <c r="D142" s="13">
        <v>46382430</v>
      </c>
      <c r="E142" s="13">
        <v>15725128.35</v>
      </c>
      <c r="F142" s="13">
        <v>40960301.689999998</v>
      </c>
      <c r="G142" s="13">
        <v>0.25</v>
      </c>
      <c r="H142" s="13">
        <v>5422128.3099999996</v>
      </c>
      <c r="I142" s="13">
        <v>3978535.26</v>
      </c>
      <c r="J142" s="13">
        <v>16353329.949999999</v>
      </c>
      <c r="K142" s="13">
        <v>0.12</v>
      </c>
      <c r="L142" s="13">
        <v>30029100.050000001</v>
      </c>
    </row>
    <row r="143" spans="1:12" x14ac:dyDescent="0.25">
      <c r="A143" s="2" t="s">
        <v>281</v>
      </c>
      <c r="B143" s="4" t="s">
        <v>510</v>
      </c>
      <c r="C143" s="13">
        <v>25965200</v>
      </c>
      <c r="D143" s="13">
        <v>84555200</v>
      </c>
      <c r="E143" s="13">
        <v>10371952.6</v>
      </c>
      <c r="F143" s="13">
        <v>56577101.479999997</v>
      </c>
      <c r="G143" s="13">
        <v>0.34</v>
      </c>
      <c r="H143" s="13">
        <v>27978098.52</v>
      </c>
      <c r="I143" s="13">
        <v>9993909.3200000003</v>
      </c>
      <c r="J143" s="13">
        <v>39186381.920000002</v>
      </c>
      <c r="K143" s="13">
        <v>0.28999999999999998</v>
      </c>
      <c r="L143" s="13">
        <v>45368818.079999998</v>
      </c>
    </row>
    <row r="144" spans="1:12" x14ac:dyDescent="0.25">
      <c r="A144" s="2" t="s">
        <v>283</v>
      </c>
      <c r="B144" s="4" t="s">
        <v>511</v>
      </c>
      <c r="C144" s="13">
        <v>5422500</v>
      </c>
      <c r="D144" s="13">
        <v>4672365</v>
      </c>
      <c r="E144" s="13">
        <v>964577.89</v>
      </c>
      <c r="F144" s="13">
        <v>3505682.17</v>
      </c>
      <c r="G144" s="13">
        <v>0.02</v>
      </c>
      <c r="H144" s="13">
        <v>1166682.83</v>
      </c>
      <c r="I144" s="13">
        <v>966762.23</v>
      </c>
      <c r="J144" s="13">
        <v>3459990.23</v>
      </c>
      <c r="K144" s="13">
        <v>0.03</v>
      </c>
      <c r="L144" s="13">
        <v>1212374.77</v>
      </c>
    </row>
    <row r="145" spans="1:12" x14ac:dyDescent="0.25">
      <c r="A145" s="3" t="s">
        <v>285</v>
      </c>
      <c r="B145" s="5" t="s">
        <v>512</v>
      </c>
      <c r="C145" s="11">
        <v>802243700</v>
      </c>
      <c r="D145" s="11">
        <v>892485722.76999998</v>
      </c>
      <c r="E145" s="11">
        <v>-4738257.25</v>
      </c>
      <c r="F145" s="11">
        <v>828399002.26999998</v>
      </c>
      <c r="G145" s="11">
        <v>5.0199999999999996</v>
      </c>
      <c r="H145" s="11">
        <v>64086720.5</v>
      </c>
      <c r="I145" s="11">
        <v>148325625.5</v>
      </c>
      <c r="J145" s="11">
        <v>678652347.13999999</v>
      </c>
      <c r="K145" s="11">
        <v>5.0599999999999996</v>
      </c>
      <c r="L145" s="11">
        <v>213833375.63</v>
      </c>
    </row>
    <row r="146" spans="1:12" x14ac:dyDescent="0.25">
      <c r="A146" s="2" t="s">
        <v>287</v>
      </c>
      <c r="B146" s="4" t="s">
        <v>513</v>
      </c>
      <c r="C146" s="13">
        <v>366992300</v>
      </c>
      <c r="D146" s="13">
        <v>244782397</v>
      </c>
      <c r="E146" s="13">
        <v>24000000</v>
      </c>
      <c r="F146" s="13">
        <v>244779249.96000001</v>
      </c>
      <c r="G146" s="13">
        <v>1.48</v>
      </c>
      <c r="H146" s="13">
        <v>3147.04</v>
      </c>
      <c r="I146" s="13">
        <v>41689238.909999996</v>
      </c>
      <c r="J146" s="13">
        <v>239777811.69999999</v>
      </c>
      <c r="K146" s="13">
        <v>1.79</v>
      </c>
      <c r="L146" s="13">
        <v>5004585.3</v>
      </c>
    </row>
    <row r="147" spans="1:12" x14ac:dyDescent="0.25">
      <c r="A147" s="2" t="s">
        <v>289</v>
      </c>
      <c r="B147" s="4" t="s">
        <v>448</v>
      </c>
      <c r="C147" s="13">
        <v>104807300</v>
      </c>
      <c r="D147" s="13">
        <v>162574536</v>
      </c>
      <c r="E147" s="13">
        <v>-11001264.289999999</v>
      </c>
      <c r="F147" s="13">
        <v>148308703.71000001</v>
      </c>
      <c r="G147" s="13">
        <v>0.9</v>
      </c>
      <c r="H147" s="13">
        <v>14265832.289999999</v>
      </c>
      <c r="I147" s="13">
        <v>36318856.57</v>
      </c>
      <c r="J147" s="13">
        <v>119597061.01000001</v>
      </c>
      <c r="K147" s="13">
        <v>0.89</v>
      </c>
      <c r="L147" s="13">
        <v>42977474.990000002</v>
      </c>
    </row>
    <row r="148" spans="1:12" x14ac:dyDescent="0.25">
      <c r="A148" s="2" t="s">
        <v>291</v>
      </c>
      <c r="B148" s="4" t="s">
        <v>514</v>
      </c>
      <c r="C148" s="13">
        <v>187803100</v>
      </c>
      <c r="D148" s="13">
        <v>187803100</v>
      </c>
      <c r="E148" s="13">
        <v>-34665672.719999999</v>
      </c>
      <c r="F148" s="13">
        <v>153137427.28</v>
      </c>
      <c r="G148" s="13">
        <v>0.93</v>
      </c>
      <c r="H148" s="13">
        <v>34665672.719999999</v>
      </c>
      <c r="I148" s="13">
        <v>1020162.59</v>
      </c>
      <c r="J148" s="13">
        <v>68126719.620000005</v>
      </c>
      <c r="K148" s="13">
        <v>0.51</v>
      </c>
      <c r="L148" s="13">
        <v>119676380.38</v>
      </c>
    </row>
    <row r="149" spans="1:12" x14ac:dyDescent="0.25">
      <c r="A149" s="2" t="s">
        <v>293</v>
      </c>
      <c r="B149" s="4" t="s">
        <v>515</v>
      </c>
      <c r="C149" s="13">
        <v>33542900</v>
      </c>
      <c r="D149" s="13">
        <v>33542900</v>
      </c>
      <c r="E149" s="13">
        <v>422900</v>
      </c>
      <c r="F149" s="13">
        <v>33542900</v>
      </c>
      <c r="G149" s="13">
        <v>0.2</v>
      </c>
      <c r="H149" s="13">
        <v>0</v>
      </c>
      <c r="I149" s="13">
        <v>5540010.29</v>
      </c>
      <c r="J149" s="13">
        <v>22130946.190000001</v>
      </c>
      <c r="K149" s="13">
        <v>0.16</v>
      </c>
      <c r="L149" s="13">
        <v>11411953.810000001</v>
      </c>
    </row>
    <row r="150" spans="1:12" x14ac:dyDescent="0.25">
      <c r="A150" s="2" t="s">
        <v>295</v>
      </c>
      <c r="B150" s="4" t="s">
        <v>421</v>
      </c>
      <c r="C150" s="13">
        <v>109098100</v>
      </c>
      <c r="D150" s="13">
        <v>263782789.77000001</v>
      </c>
      <c r="E150" s="13">
        <v>16505779.76</v>
      </c>
      <c r="F150" s="13">
        <v>248630721.31999999</v>
      </c>
      <c r="G150" s="13">
        <v>1.51</v>
      </c>
      <c r="H150" s="13">
        <v>15152068.449999999</v>
      </c>
      <c r="I150" s="13">
        <v>63757357.140000001</v>
      </c>
      <c r="J150" s="13">
        <v>229019808.62</v>
      </c>
      <c r="K150" s="13">
        <v>1.71</v>
      </c>
      <c r="L150" s="13">
        <v>34762981.149999999</v>
      </c>
    </row>
    <row r="151" spans="1:12" x14ac:dyDescent="0.25">
      <c r="A151" s="3" t="s">
        <v>297</v>
      </c>
      <c r="B151" s="5" t="s">
        <v>516</v>
      </c>
      <c r="C151" s="11">
        <v>153967500</v>
      </c>
      <c r="D151" s="11">
        <v>467259</v>
      </c>
      <c r="E151" s="11">
        <v>0</v>
      </c>
      <c r="F151" s="11">
        <v>0</v>
      </c>
      <c r="G151" s="11">
        <v>0</v>
      </c>
      <c r="H151" s="11">
        <v>467259</v>
      </c>
      <c r="I151" s="11">
        <v>0</v>
      </c>
      <c r="J151" s="11">
        <v>0</v>
      </c>
      <c r="K151" s="11">
        <v>0</v>
      </c>
      <c r="L151" s="11">
        <v>467259</v>
      </c>
    </row>
    <row r="152" spans="1:12" x14ac:dyDescent="0.25">
      <c r="A152" s="2" t="s">
        <v>299</v>
      </c>
      <c r="B152" s="4" t="s">
        <v>517</v>
      </c>
      <c r="C152" s="13">
        <v>153967500</v>
      </c>
      <c r="D152" s="13">
        <v>467259</v>
      </c>
      <c r="E152" s="13">
        <v>0</v>
      </c>
      <c r="F152" s="13">
        <v>0</v>
      </c>
      <c r="G152" s="13">
        <v>0</v>
      </c>
      <c r="H152" s="13">
        <v>467259</v>
      </c>
      <c r="I152" s="13">
        <v>0</v>
      </c>
      <c r="J152" s="13">
        <v>0</v>
      </c>
      <c r="K152" s="13">
        <v>0</v>
      </c>
      <c r="L152" s="13">
        <v>467259</v>
      </c>
    </row>
    <row r="153" spans="1:12" x14ac:dyDescent="0.25">
      <c r="A153" s="3" t="s">
        <v>301</v>
      </c>
      <c r="B153" s="5" t="s">
        <v>518</v>
      </c>
      <c r="C153" s="11">
        <v>1852116800</v>
      </c>
      <c r="D153" s="11">
        <v>1870476143.45</v>
      </c>
      <c r="E153" s="11">
        <v>343290787.64999998</v>
      </c>
      <c r="F153" s="11">
        <v>1596202903.22</v>
      </c>
      <c r="G153" s="11">
        <v>9.66</v>
      </c>
      <c r="H153" s="11">
        <v>274273240.23000002</v>
      </c>
      <c r="I153" s="11">
        <v>376055165.12</v>
      </c>
      <c r="J153" s="11">
        <v>1499556038.95</v>
      </c>
      <c r="K153" s="11">
        <v>11.2</v>
      </c>
      <c r="L153" s="11">
        <v>370920104.5</v>
      </c>
    </row>
    <row r="154" spans="1:12" x14ac:dyDescent="0.25">
      <c r="A154" s="3" t="s">
        <v>303</v>
      </c>
      <c r="B154" s="5" t="s">
        <v>418</v>
      </c>
      <c r="C154" s="11">
        <v>117100000</v>
      </c>
      <c r="D154" s="11">
        <v>114300000</v>
      </c>
      <c r="E154" s="11">
        <v>17662864.039999999</v>
      </c>
      <c r="F154" s="11">
        <v>70162787.739999995</v>
      </c>
      <c r="G154" s="11">
        <v>0.42</v>
      </c>
      <c r="H154" s="11">
        <v>44137212.259999998</v>
      </c>
      <c r="I154" s="11">
        <v>17662864.039999999</v>
      </c>
      <c r="J154" s="11">
        <v>70162787.739999995</v>
      </c>
      <c r="K154" s="11">
        <v>0.53</v>
      </c>
      <c r="L154" s="11">
        <v>44137212.259999998</v>
      </c>
    </row>
    <row r="155" spans="1:12" x14ac:dyDescent="0.25">
      <c r="A155" s="2" t="s">
        <v>305</v>
      </c>
      <c r="B155" s="4" t="s">
        <v>419</v>
      </c>
      <c r="C155" s="13">
        <v>57100000</v>
      </c>
      <c r="D155" s="13">
        <v>54300000</v>
      </c>
      <c r="E155" s="13">
        <v>8083227.5199999996</v>
      </c>
      <c r="F155" s="13">
        <v>31887496.309999999</v>
      </c>
      <c r="G155" s="13">
        <v>0.19</v>
      </c>
      <c r="H155" s="13">
        <v>22412503.690000001</v>
      </c>
      <c r="I155" s="13">
        <v>8083227.5199999996</v>
      </c>
      <c r="J155" s="13">
        <v>31887496.309999999</v>
      </c>
      <c r="K155" s="13">
        <v>0.24</v>
      </c>
      <c r="L155" s="13">
        <v>22412503.690000001</v>
      </c>
    </row>
    <row r="156" spans="1:12" x14ac:dyDescent="0.25">
      <c r="A156" s="2" t="s">
        <v>307</v>
      </c>
      <c r="B156" s="4" t="s">
        <v>420</v>
      </c>
      <c r="C156" s="13">
        <v>60000000</v>
      </c>
      <c r="D156" s="13">
        <v>60000000</v>
      </c>
      <c r="E156" s="13">
        <v>9579636.5199999996</v>
      </c>
      <c r="F156" s="13">
        <v>38275291.43</v>
      </c>
      <c r="G156" s="13">
        <v>0.23</v>
      </c>
      <c r="H156" s="13">
        <v>21724708.57</v>
      </c>
      <c r="I156" s="13">
        <v>9579636.5199999996</v>
      </c>
      <c r="J156" s="13">
        <v>38275291.43</v>
      </c>
      <c r="K156" s="13">
        <v>0.28999999999999998</v>
      </c>
      <c r="L156" s="13">
        <v>21724708.57</v>
      </c>
    </row>
    <row r="157" spans="1:12" x14ac:dyDescent="0.25">
      <c r="A157" s="3" t="s">
        <v>309</v>
      </c>
      <c r="B157" s="5" t="s">
        <v>422</v>
      </c>
      <c r="C157" s="11">
        <v>204763000</v>
      </c>
      <c r="D157" s="11">
        <v>190663000</v>
      </c>
      <c r="E157" s="11">
        <v>0</v>
      </c>
      <c r="F157" s="11">
        <v>188500000</v>
      </c>
      <c r="G157" s="11">
        <v>1.1399999999999999</v>
      </c>
      <c r="H157" s="11">
        <v>2163000</v>
      </c>
      <c r="I157" s="11">
        <v>29288043.77</v>
      </c>
      <c r="J157" s="11">
        <v>122018879.48999999</v>
      </c>
      <c r="K157" s="11">
        <v>0.91</v>
      </c>
      <c r="L157" s="11">
        <v>68644120.510000005</v>
      </c>
    </row>
    <row r="158" spans="1:12" x14ac:dyDescent="0.25">
      <c r="A158" s="2" t="s">
        <v>311</v>
      </c>
      <c r="B158" s="4" t="s">
        <v>423</v>
      </c>
      <c r="C158" s="13">
        <v>204763000</v>
      </c>
      <c r="D158" s="13">
        <v>190663000</v>
      </c>
      <c r="E158" s="13">
        <v>0</v>
      </c>
      <c r="F158" s="13">
        <v>188500000</v>
      </c>
      <c r="G158" s="13">
        <v>1.1399999999999999</v>
      </c>
      <c r="H158" s="13">
        <v>2163000</v>
      </c>
      <c r="I158" s="13">
        <v>29288043.77</v>
      </c>
      <c r="J158" s="13">
        <v>122018879.48999999</v>
      </c>
      <c r="K158" s="13">
        <v>0.91</v>
      </c>
      <c r="L158" s="13">
        <v>68644120.510000005</v>
      </c>
    </row>
    <row r="159" spans="1:12" x14ac:dyDescent="0.25">
      <c r="A159" s="2" t="s">
        <v>313</v>
      </c>
      <c r="B159" s="4" t="s">
        <v>424</v>
      </c>
      <c r="C159" s="13">
        <v>0</v>
      </c>
      <c r="D159" s="13">
        <v>0</v>
      </c>
      <c r="E159" s="13">
        <v>0</v>
      </c>
      <c r="F159" s="13">
        <v>0</v>
      </c>
      <c r="G159" s="13">
        <v>0</v>
      </c>
      <c r="H159" s="13">
        <v>0</v>
      </c>
      <c r="I159" s="13">
        <v>0</v>
      </c>
      <c r="J159" s="13">
        <v>0</v>
      </c>
      <c r="K159" s="13">
        <v>0</v>
      </c>
      <c r="L159" s="13">
        <v>0</v>
      </c>
    </row>
    <row r="160" spans="1:12" x14ac:dyDescent="0.25">
      <c r="A160" s="3" t="s">
        <v>315</v>
      </c>
      <c r="B160" s="5" t="s">
        <v>428</v>
      </c>
      <c r="C160" s="11">
        <v>99623500</v>
      </c>
      <c r="D160" s="11">
        <v>98503569.900000006</v>
      </c>
      <c r="E160" s="11">
        <v>22293506.199999999</v>
      </c>
      <c r="F160" s="11">
        <v>68116628.390000001</v>
      </c>
      <c r="G160" s="11">
        <v>0.42</v>
      </c>
      <c r="H160" s="11">
        <v>30386941.510000002</v>
      </c>
      <c r="I160" s="11">
        <v>14655733.68</v>
      </c>
      <c r="J160" s="11">
        <v>58543013.68</v>
      </c>
      <c r="K160" s="11">
        <v>0.44</v>
      </c>
      <c r="L160" s="11">
        <v>39960556.219999999</v>
      </c>
    </row>
    <row r="161" spans="1:12" x14ac:dyDescent="0.25">
      <c r="A161" s="2" t="s">
        <v>317</v>
      </c>
      <c r="B161" s="4" t="s">
        <v>429</v>
      </c>
      <c r="C161" s="13">
        <v>54139200</v>
      </c>
      <c r="D161" s="13">
        <v>54129200</v>
      </c>
      <c r="E161" s="13">
        <v>7848857.5800000001</v>
      </c>
      <c r="F161" s="13">
        <v>31153582.16</v>
      </c>
      <c r="G161" s="13">
        <v>0.19</v>
      </c>
      <c r="H161" s="13">
        <v>22975617.84</v>
      </c>
      <c r="I161" s="13">
        <v>7848857.5800000001</v>
      </c>
      <c r="J161" s="13">
        <v>31153582.16</v>
      </c>
      <c r="K161" s="13">
        <v>0.23</v>
      </c>
      <c r="L161" s="13">
        <v>22975617.84</v>
      </c>
    </row>
    <row r="162" spans="1:12" x14ac:dyDescent="0.25">
      <c r="A162" s="2" t="s">
        <v>319</v>
      </c>
      <c r="B162" s="4" t="s">
        <v>430</v>
      </c>
      <c r="C162" s="13">
        <v>16334300</v>
      </c>
      <c r="D162" s="13">
        <v>16184300</v>
      </c>
      <c r="E162" s="13">
        <v>1151573.44</v>
      </c>
      <c r="F162" s="13">
        <v>9094971.0500000007</v>
      </c>
      <c r="G162" s="13">
        <v>0.06</v>
      </c>
      <c r="H162" s="13">
        <v>7089328.9500000002</v>
      </c>
      <c r="I162" s="13">
        <v>2250906.4</v>
      </c>
      <c r="J162" s="13">
        <v>9094971.0500000007</v>
      </c>
      <c r="K162" s="13">
        <v>7.0000000000000007E-2</v>
      </c>
      <c r="L162" s="13">
        <v>7089328.9500000002</v>
      </c>
    </row>
    <row r="163" spans="1:12" x14ac:dyDescent="0.25">
      <c r="A163" s="2" t="s">
        <v>321</v>
      </c>
      <c r="B163" s="4" t="s">
        <v>431</v>
      </c>
      <c r="C163" s="13">
        <v>29150000</v>
      </c>
      <c r="D163" s="13">
        <v>28190069.899999999</v>
      </c>
      <c r="E163" s="13">
        <v>13293075.18</v>
      </c>
      <c r="F163" s="13">
        <v>27868075.18</v>
      </c>
      <c r="G163" s="13">
        <v>0.17</v>
      </c>
      <c r="H163" s="13">
        <v>321994.71999999997</v>
      </c>
      <c r="I163" s="13">
        <v>4555969.7</v>
      </c>
      <c r="J163" s="13">
        <v>18294460.469999999</v>
      </c>
      <c r="K163" s="13">
        <v>0.14000000000000001</v>
      </c>
      <c r="L163" s="13">
        <v>9895609.4299999997</v>
      </c>
    </row>
    <row r="164" spans="1:12" x14ac:dyDescent="0.25">
      <c r="A164" s="3" t="s">
        <v>323</v>
      </c>
      <c r="B164" s="5" t="s">
        <v>432</v>
      </c>
      <c r="C164" s="11">
        <v>321157600</v>
      </c>
      <c r="D164" s="11">
        <v>320759524.68000001</v>
      </c>
      <c r="E164" s="11">
        <v>66625307.659999996</v>
      </c>
      <c r="F164" s="11">
        <v>269969566.69</v>
      </c>
      <c r="G164" s="11">
        <v>1.64</v>
      </c>
      <c r="H164" s="11">
        <v>50789957.990000002</v>
      </c>
      <c r="I164" s="11">
        <v>67435900.260000005</v>
      </c>
      <c r="J164" s="11">
        <v>268649903.08999997</v>
      </c>
      <c r="K164" s="11">
        <v>2.0099999999999998</v>
      </c>
      <c r="L164" s="11">
        <v>52109621.590000004</v>
      </c>
    </row>
    <row r="165" spans="1:12" x14ac:dyDescent="0.25">
      <c r="A165" s="2" t="s">
        <v>325</v>
      </c>
      <c r="B165" s="4" t="s">
        <v>424</v>
      </c>
      <c r="C165" s="13">
        <v>317915700</v>
      </c>
      <c r="D165" s="13">
        <v>288377931.10000002</v>
      </c>
      <c r="E165" s="13">
        <v>50410949.090000004</v>
      </c>
      <c r="F165" s="13">
        <v>240163039.53999999</v>
      </c>
      <c r="G165" s="13">
        <v>1.46</v>
      </c>
      <c r="H165" s="13">
        <v>48214891.560000002</v>
      </c>
      <c r="I165" s="13">
        <v>51215008.969999999</v>
      </c>
      <c r="J165" s="13">
        <v>238973117.31</v>
      </c>
      <c r="K165" s="13">
        <v>1.78</v>
      </c>
      <c r="L165" s="13">
        <v>49404813.789999999</v>
      </c>
    </row>
    <row r="166" spans="1:12" x14ac:dyDescent="0.25">
      <c r="A166" s="2" t="s">
        <v>327</v>
      </c>
      <c r="B166" s="4" t="s">
        <v>433</v>
      </c>
      <c r="C166" s="13">
        <v>0</v>
      </c>
      <c r="D166" s="13">
        <v>19999250</v>
      </c>
      <c r="E166" s="13">
        <v>12725443.949999999</v>
      </c>
      <c r="F166" s="13">
        <v>19922420.969999999</v>
      </c>
      <c r="G166" s="13">
        <v>0.12</v>
      </c>
      <c r="H166" s="13">
        <v>76829.03</v>
      </c>
      <c r="I166" s="13">
        <v>12725443.949999999</v>
      </c>
      <c r="J166" s="13">
        <v>19922420.969999999</v>
      </c>
      <c r="K166" s="13">
        <v>0.15</v>
      </c>
      <c r="L166" s="13">
        <v>76829.03</v>
      </c>
    </row>
    <row r="167" spans="1:12" x14ac:dyDescent="0.25">
      <c r="A167" s="2" t="s">
        <v>329</v>
      </c>
      <c r="B167" s="4" t="s">
        <v>434</v>
      </c>
      <c r="C167" s="13">
        <v>3241900</v>
      </c>
      <c r="D167" s="13">
        <v>3237143.58</v>
      </c>
      <c r="E167" s="13">
        <v>672518.29</v>
      </c>
      <c r="F167" s="13">
        <v>2450849.67</v>
      </c>
      <c r="G167" s="13">
        <v>0.01</v>
      </c>
      <c r="H167" s="13">
        <v>786293.91</v>
      </c>
      <c r="I167" s="13">
        <v>672518.29</v>
      </c>
      <c r="J167" s="13">
        <v>2450849.67</v>
      </c>
      <c r="K167" s="13">
        <v>0.02</v>
      </c>
      <c r="L167" s="13">
        <v>786293.91</v>
      </c>
    </row>
    <row r="168" spans="1:12" x14ac:dyDescent="0.25">
      <c r="A168" s="2" t="s">
        <v>330</v>
      </c>
      <c r="B168" s="4" t="s">
        <v>425</v>
      </c>
      <c r="C168" s="13">
        <v>0</v>
      </c>
      <c r="D168" s="13">
        <v>1020200</v>
      </c>
      <c r="E168" s="13">
        <v>668703.39</v>
      </c>
      <c r="F168" s="13">
        <v>1011896.73</v>
      </c>
      <c r="G168" s="13">
        <v>0.01</v>
      </c>
      <c r="H168" s="13">
        <v>8303.27</v>
      </c>
      <c r="I168" s="13">
        <v>668703.39</v>
      </c>
      <c r="J168" s="13">
        <v>1011896.73</v>
      </c>
      <c r="K168" s="13">
        <v>0.01</v>
      </c>
      <c r="L168" s="13">
        <v>8303.27</v>
      </c>
    </row>
    <row r="169" spans="1:12" x14ac:dyDescent="0.25">
      <c r="A169" s="2" t="s">
        <v>331</v>
      </c>
      <c r="B169" s="4" t="s">
        <v>435</v>
      </c>
      <c r="C169" s="13">
        <v>0</v>
      </c>
      <c r="D169" s="13">
        <v>330000</v>
      </c>
      <c r="E169" s="13">
        <v>130000</v>
      </c>
      <c r="F169" s="13">
        <v>330000</v>
      </c>
      <c r="G169" s="13">
        <v>0</v>
      </c>
      <c r="H169" s="13">
        <v>0</v>
      </c>
      <c r="I169" s="13">
        <v>134745.82</v>
      </c>
      <c r="J169" s="13">
        <v>200413.2</v>
      </c>
      <c r="K169" s="13">
        <v>0</v>
      </c>
      <c r="L169" s="13">
        <v>129586.8</v>
      </c>
    </row>
    <row r="170" spans="1:12" x14ac:dyDescent="0.25">
      <c r="A170" s="2" t="s">
        <v>332</v>
      </c>
      <c r="B170" s="4" t="s">
        <v>436</v>
      </c>
      <c r="C170" s="13">
        <v>0</v>
      </c>
      <c r="D170" s="13">
        <v>7795000</v>
      </c>
      <c r="E170" s="13">
        <v>2017692.94</v>
      </c>
      <c r="F170" s="13">
        <v>6091359.7800000003</v>
      </c>
      <c r="G170" s="13">
        <v>0.04</v>
      </c>
      <c r="H170" s="13">
        <v>1703640.22</v>
      </c>
      <c r="I170" s="13">
        <v>2019479.84</v>
      </c>
      <c r="J170" s="13">
        <v>6091205.21</v>
      </c>
      <c r="K170" s="13">
        <v>0.05</v>
      </c>
      <c r="L170" s="13">
        <v>1703794.79</v>
      </c>
    </row>
    <row r="171" spans="1:12" x14ac:dyDescent="0.25">
      <c r="A171" s="3" t="s">
        <v>333</v>
      </c>
      <c r="B171" s="5" t="s">
        <v>438</v>
      </c>
      <c r="C171" s="11">
        <v>89403300</v>
      </c>
      <c r="D171" s="11">
        <v>273795071.75</v>
      </c>
      <c r="E171" s="11">
        <v>52283371.079999998</v>
      </c>
      <c r="F171" s="11">
        <v>194693690.24000001</v>
      </c>
      <c r="G171" s="11">
        <v>1.18</v>
      </c>
      <c r="H171" s="11">
        <v>79101381.510000005</v>
      </c>
      <c r="I171" s="11">
        <v>55116601.960000001</v>
      </c>
      <c r="J171" s="11">
        <v>188817275.09999999</v>
      </c>
      <c r="K171" s="11">
        <v>1.41</v>
      </c>
      <c r="L171" s="11">
        <v>84977796.650000006</v>
      </c>
    </row>
    <row r="172" spans="1:12" x14ac:dyDescent="0.25">
      <c r="A172" s="2" t="s">
        <v>334</v>
      </c>
      <c r="B172" s="4" t="s">
        <v>424</v>
      </c>
      <c r="C172" s="13">
        <v>89403300</v>
      </c>
      <c r="D172" s="13">
        <v>241500129.71000001</v>
      </c>
      <c r="E172" s="13">
        <v>42631069.299999997</v>
      </c>
      <c r="F172" s="13">
        <v>173390618.91</v>
      </c>
      <c r="G172" s="13">
        <v>1.05</v>
      </c>
      <c r="H172" s="13">
        <v>68109510.799999997</v>
      </c>
      <c r="I172" s="13">
        <v>43174219.439999998</v>
      </c>
      <c r="J172" s="13">
        <v>171362206.87</v>
      </c>
      <c r="K172" s="13">
        <v>1.28</v>
      </c>
      <c r="L172" s="13">
        <v>70137922.840000004</v>
      </c>
    </row>
    <row r="173" spans="1:12" x14ac:dyDescent="0.25">
      <c r="A173" s="2" t="s">
        <v>335</v>
      </c>
      <c r="B173" s="4" t="s">
        <v>439</v>
      </c>
      <c r="C173" s="13">
        <v>0</v>
      </c>
      <c r="D173" s="13">
        <v>6874000</v>
      </c>
      <c r="E173" s="13">
        <v>-203000</v>
      </c>
      <c r="F173" s="13">
        <v>6687148.0899999999</v>
      </c>
      <c r="G173" s="13">
        <v>0.04</v>
      </c>
      <c r="H173" s="13">
        <v>186851.91</v>
      </c>
      <c r="I173" s="13">
        <v>2087080.74</v>
      </c>
      <c r="J173" s="13">
        <v>2839144.99</v>
      </c>
      <c r="K173" s="13">
        <v>0.02</v>
      </c>
      <c r="L173" s="13">
        <v>4034855.01</v>
      </c>
    </row>
    <row r="174" spans="1:12" x14ac:dyDescent="0.25">
      <c r="A174" s="2" t="s">
        <v>337</v>
      </c>
      <c r="B174" s="4" t="s">
        <v>442</v>
      </c>
      <c r="C174" s="13">
        <v>0</v>
      </c>
      <c r="D174" s="13">
        <v>25420942.039999999</v>
      </c>
      <c r="E174" s="13">
        <v>9855301.7799999993</v>
      </c>
      <c r="F174" s="13">
        <v>14615923.24</v>
      </c>
      <c r="G174" s="13">
        <v>0.09</v>
      </c>
      <c r="H174" s="13">
        <v>10805018.800000001</v>
      </c>
      <c r="I174" s="13">
        <v>9855301.7799999993</v>
      </c>
      <c r="J174" s="13">
        <v>14615923.24</v>
      </c>
      <c r="K174" s="13">
        <v>0.11</v>
      </c>
      <c r="L174" s="13">
        <v>10805018.800000001</v>
      </c>
    </row>
    <row r="175" spans="1:12" x14ac:dyDescent="0.25">
      <c r="A175" s="3" t="s">
        <v>339</v>
      </c>
      <c r="B175" s="5" t="s">
        <v>443</v>
      </c>
      <c r="C175" s="11">
        <v>7994000</v>
      </c>
      <c r="D175" s="11">
        <v>8304000</v>
      </c>
      <c r="E175" s="11">
        <v>1448368.49</v>
      </c>
      <c r="F175" s="11">
        <v>5727551.46</v>
      </c>
      <c r="G175" s="11">
        <v>0.03</v>
      </c>
      <c r="H175" s="11">
        <v>2576448.54</v>
      </c>
      <c r="I175" s="11">
        <v>1428318.15</v>
      </c>
      <c r="J175" s="11">
        <v>5704873.9199999999</v>
      </c>
      <c r="K175" s="11">
        <v>0.04</v>
      </c>
      <c r="L175" s="11">
        <v>2599126.08</v>
      </c>
    </row>
    <row r="176" spans="1:12" x14ac:dyDescent="0.25">
      <c r="A176" s="2" t="s">
        <v>341</v>
      </c>
      <c r="B176" s="4" t="s">
        <v>424</v>
      </c>
      <c r="C176" s="13">
        <v>7994000</v>
      </c>
      <c r="D176" s="13">
        <v>7244000</v>
      </c>
      <c r="E176" s="13">
        <v>1362568.36</v>
      </c>
      <c r="F176" s="13">
        <v>5641751.3300000001</v>
      </c>
      <c r="G176" s="13">
        <v>0.03</v>
      </c>
      <c r="H176" s="13">
        <v>1602248.67</v>
      </c>
      <c r="I176" s="13">
        <v>1342518.02</v>
      </c>
      <c r="J176" s="13">
        <v>5619073.79</v>
      </c>
      <c r="K176" s="13">
        <v>0.04</v>
      </c>
      <c r="L176" s="13">
        <v>1624926.21</v>
      </c>
    </row>
    <row r="177" spans="1:12" x14ac:dyDescent="0.25">
      <c r="A177" s="2" t="s">
        <v>343</v>
      </c>
      <c r="B177" s="4" t="s">
        <v>446</v>
      </c>
      <c r="C177" s="13">
        <v>0</v>
      </c>
      <c r="D177" s="13">
        <v>730000</v>
      </c>
      <c r="E177" s="13">
        <v>64269.440000000002</v>
      </c>
      <c r="F177" s="13">
        <v>64269.440000000002</v>
      </c>
      <c r="G177" s="13">
        <v>0</v>
      </c>
      <c r="H177" s="13">
        <v>665730.56000000006</v>
      </c>
      <c r="I177" s="13">
        <v>64269.440000000002</v>
      </c>
      <c r="J177" s="13">
        <v>64269.440000000002</v>
      </c>
      <c r="K177" s="13">
        <v>0</v>
      </c>
      <c r="L177" s="13">
        <v>665730.56000000006</v>
      </c>
    </row>
    <row r="178" spans="1:12" x14ac:dyDescent="0.25">
      <c r="A178" s="2" t="s">
        <v>345</v>
      </c>
      <c r="B178" s="4" t="s">
        <v>447</v>
      </c>
      <c r="C178" s="13">
        <v>0</v>
      </c>
      <c r="D178" s="13">
        <v>330000</v>
      </c>
      <c r="E178" s="13">
        <v>21530.69</v>
      </c>
      <c r="F178" s="13">
        <v>21530.69</v>
      </c>
      <c r="G178" s="13">
        <v>0</v>
      </c>
      <c r="H178" s="13">
        <v>308469.31</v>
      </c>
      <c r="I178" s="13">
        <v>21530.69</v>
      </c>
      <c r="J178" s="13">
        <v>21530.69</v>
      </c>
      <c r="K178" s="13">
        <v>0</v>
      </c>
      <c r="L178" s="13">
        <v>308469.31</v>
      </c>
    </row>
    <row r="179" spans="1:12" x14ac:dyDescent="0.25">
      <c r="A179" s="3" t="s">
        <v>347</v>
      </c>
      <c r="B179" s="5" t="s">
        <v>449</v>
      </c>
      <c r="C179" s="11">
        <v>0</v>
      </c>
      <c r="D179" s="11">
        <v>1500000</v>
      </c>
      <c r="E179" s="11">
        <v>0</v>
      </c>
      <c r="F179" s="11">
        <v>1500000</v>
      </c>
      <c r="G179" s="11">
        <v>0.01</v>
      </c>
      <c r="H179" s="11">
        <v>0</v>
      </c>
      <c r="I179" s="11">
        <v>0</v>
      </c>
      <c r="J179" s="11">
        <v>1500000</v>
      </c>
      <c r="K179" s="11">
        <v>0.01</v>
      </c>
      <c r="L179" s="11">
        <v>0</v>
      </c>
    </row>
    <row r="180" spans="1:12" x14ac:dyDescent="0.25">
      <c r="A180" s="2" t="s">
        <v>350</v>
      </c>
      <c r="B180" s="4" t="s">
        <v>436</v>
      </c>
      <c r="C180" s="13">
        <v>0</v>
      </c>
      <c r="D180" s="13">
        <v>1500000</v>
      </c>
      <c r="E180" s="13">
        <v>0</v>
      </c>
      <c r="F180" s="13">
        <v>1500000</v>
      </c>
      <c r="G180" s="13">
        <v>0.01</v>
      </c>
      <c r="H180" s="13">
        <v>0</v>
      </c>
      <c r="I180" s="13">
        <v>0</v>
      </c>
      <c r="J180" s="13">
        <v>1500000</v>
      </c>
      <c r="K180" s="13">
        <v>0.01</v>
      </c>
      <c r="L180" s="13">
        <v>0</v>
      </c>
    </row>
    <row r="181" spans="1:12" x14ac:dyDescent="0.25">
      <c r="A181" s="3" t="s">
        <v>352</v>
      </c>
      <c r="B181" s="5" t="s">
        <v>450</v>
      </c>
      <c r="C181" s="11">
        <v>95442200</v>
      </c>
      <c r="D181" s="11">
        <v>91481951.599999994</v>
      </c>
      <c r="E181" s="11">
        <v>18356450.52</v>
      </c>
      <c r="F181" s="11">
        <v>73265266.219999999</v>
      </c>
      <c r="G181" s="11">
        <v>0.44</v>
      </c>
      <c r="H181" s="11">
        <v>18216685.379999999</v>
      </c>
      <c r="I181" s="11">
        <v>18499059.57</v>
      </c>
      <c r="J181" s="11">
        <v>73247397.859999999</v>
      </c>
      <c r="K181" s="11">
        <v>0.55000000000000004</v>
      </c>
      <c r="L181" s="11">
        <v>18234553.739999998</v>
      </c>
    </row>
    <row r="182" spans="1:12" x14ac:dyDescent="0.25">
      <c r="A182" s="2" t="s">
        <v>354</v>
      </c>
      <c r="B182" s="4" t="s">
        <v>424</v>
      </c>
      <c r="C182" s="13">
        <v>70900000</v>
      </c>
      <c r="D182" s="13">
        <v>57963849.539999999</v>
      </c>
      <c r="E182" s="13">
        <v>10189482.970000001</v>
      </c>
      <c r="F182" s="13">
        <v>39747164.159999996</v>
      </c>
      <c r="G182" s="13">
        <v>0.24</v>
      </c>
      <c r="H182" s="13">
        <v>18216685.379999999</v>
      </c>
      <c r="I182" s="13">
        <v>10189482.970000001</v>
      </c>
      <c r="J182" s="13">
        <v>39747164.159999996</v>
      </c>
      <c r="K182" s="13">
        <v>0.3</v>
      </c>
      <c r="L182" s="13">
        <v>18216685.379999999</v>
      </c>
    </row>
    <row r="183" spans="1:12" x14ac:dyDescent="0.25">
      <c r="A183" s="2" t="s">
        <v>356</v>
      </c>
      <c r="B183" s="4" t="s">
        <v>452</v>
      </c>
      <c r="C183" s="13">
        <v>24542200</v>
      </c>
      <c r="D183" s="13">
        <v>33518102.059999999</v>
      </c>
      <c r="E183" s="13">
        <v>8166967.5499999998</v>
      </c>
      <c r="F183" s="13">
        <v>33518102.059999999</v>
      </c>
      <c r="G183" s="13">
        <v>0.2</v>
      </c>
      <c r="H183" s="13">
        <v>0</v>
      </c>
      <c r="I183" s="13">
        <v>8309576.5999999996</v>
      </c>
      <c r="J183" s="13">
        <v>33500233.699999999</v>
      </c>
      <c r="K183" s="13">
        <v>0.25</v>
      </c>
      <c r="L183" s="13">
        <v>17868.36</v>
      </c>
    </row>
    <row r="184" spans="1:12" x14ac:dyDescent="0.25">
      <c r="A184" s="2" t="s">
        <v>358</v>
      </c>
      <c r="B184" s="4" t="s">
        <v>455</v>
      </c>
      <c r="C184" s="13">
        <v>0</v>
      </c>
      <c r="D184" s="13">
        <v>0</v>
      </c>
      <c r="E184" s="13">
        <v>0</v>
      </c>
      <c r="F184" s="13">
        <v>0</v>
      </c>
      <c r="G184" s="13">
        <v>0</v>
      </c>
      <c r="H184" s="13">
        <v>0</v>
      </c>
      <c r="I184" s="13">
        <v>0</v>
      </c>
      <c r="J184" s="13">
        <v>0</v>
      </c>
      <c r="K184" s="13">
        <v>0</v>
      </c>
      <c r="L184" s="13">
        <v>0</v>
      </c>
    </row>
    <row r="185" spans="1:12" x14ac:dyDescent="0.25">
      <c r="A185" s="3" t="s">
        <v>360</v>
      </c>
      <c r="B185" s="5" t="s">
        <v>458</v>
      </c>
      <c r="C185" s="11">
        <v>1993600</v>
      </c>
      <c r="D185" s="11">
        <v>2359738.12</v>
      </c>
      <c r="E185" s="11">
        <v>424200.55</v>
      </c>
      <c r="F185" s="11">
        <v>1781456.89</v>
      </c>
      <c r="G185" s="11">
        <v>0.01</v>
      </c>
      <c r="H185" s="11">
        <v>578281.23</v>
      </c>
      <c r="I185" s="11">
        <v>424200.55</v>
      </c>
      <c r="J185" s="11">
        <v>1781456.89</v>
      </c>
      <c r="K185" s="11">
        <v>0.01</v>
      </c>
      <c r="L185" s="11">
        <v>578281.23</v>
      </c>
    </row>
    <row r="186" spans="1:12" x14ac:dyDescent="0.25">
      <c r="A186" s="2" t="s">
        <v>362</v>
      </c>
      <c r="B186" s="4" t="s">
        <v>424</v>
      </c>
      <c r="C186" s="13">
        <v>1993600</v>
      </c>
      <c r="D186" s="13">
        <v>2317538.12</v>
      </c>
      <c r="E186" s="13">
        <v>403206.29</v>
      </c>
      <c r="F186" s="13">
        <v>1739355.46</v>
      </c>
      <c r="G186" s="13">
        <v>0.01</v>
      </c>
      <c r="H186" s="13">
        <v>578182.66</v>
      </c>
      <c r="I186" s="13">
        <v>403206.29</v>
      </c>
      <c r="J186" s="13">
        <v>1739355.46</v>
      </c>
      <c r="K186" s="13">
        <v>0.01</v>
      </c>
      <c r="L186" s="13">
        <v>578182.66</v>
      </c>
    </row>
    <row r="187" spans="1:12" x14ac:dyDescent="0.25">
      <c r="A187" s="2" t="s">
        <v>364</v>
      </c>
      <c r="B187" s="4" t="s">
        <v>460</v>
      </c>
      <c r="C187" s="13">
        <v>0</v>
      </c>
      <c r="D187" s="13">
        <v>42200</v>
      </c>
      <c r="E187" s="13">
        <v>20994.26</v>
      </c>
      <c r="F187" s="13">
        <v>42101.43</v>
      </c>
      <c r="G187" s="13">
        <v>0</v>
      </c>
      <c r="H187" s="13">
        <v>98.57</v>
      </c>
      <c r="I187" s="13">
        <v>20994.26</v>
      </c>
      <c r="J187" s="13">
        <v>42101.43</v>
      </c>
      <c r="K187" s="13">
        <v>0</v>
      </c>
      <c r="L187" s="13">
        <v>98.57</v>
      </c>
    </row>
    <row r="188" spans="1:12" x14ac:dyDescent="0.25">
      <c r="A188" s="3" t="s">
        <v>366</v>
      </c>
      <c r="B188" s="5" t="s">
        <v>461</v>
      </c>
      <c r="C188" s="11">
        <v>758025600</v>
      </c>
      <c r="D188" s="11">
        <v>625981238.75999999</v>
      </c>
      <c r="E188" s="11">
        <v>151384019.84</v>
      </c>
      <c r="F188" s="11">
        <v>602705864.12</v>
      </c>
      <c r="G188" s="11">
        <v>3.65</v>
      </c>
      <c r="H188" s="11">
        <v>23275374.640000001</v>
      </c>
      <c r="I188" s="11">
        <v>151495337.34</v>
      </c>
      <c r="J188" s="11">
        <v>602703057.75</v>
      </c>
      <c r="K188" s="11">
        <v>4.49</v>
      </c>
      <c r="L188" s="11">
        <v>23278181.010000002</v>
      </c>
    </row>
    <row r="189" spans="1:12" x14ac:dyDescent="0.25">
      <c r="A189" s="2" t="s">
        <v>368</v>
      </c>
      <c r="B189" s="4" t="s">
        <v>424</v>
      </c>
      <c r="C189" s="13">
        <v>757749900</v>
      </c>
      <c r="D189" s="13">
        <v>31830900</v>
      </c>
      <c r="E189" s="13">
        <v>2173897.56</v>
      </c>
      <c r="F189" s="13">
        <v>16748609.92</v>
      </c>
      <c r="G189" s="13">
        <v>0.1</v>
      </c>
      <c r="H189" s="13">
        <v>15082290.08</v>
      </c>
      <c r="I189" s="13">
        <v>2173897.56</v>
      </c>
      <c r="J189" s="13">
        <v>16745803.550000001</v>
      </c>
      <c r="K189" s="13">
        <v>0.12</v>
      </c>
      <c r="L189" s="13">
        <v>15085096.449999999</v>
      </c>
    </row>
    <row r="190" spans="1:12" x14ac:dyDescent="0.25">
      <c r="A190" s="2" t="s">
        <v>519</v>
      </c>
      <c r="B190" s="4" t="s">
        <v>462</v>
      </c>
      <c r="C190" s="13">
        <v>0</v>
      </c>
      <c r="D190" s="13">
        <v>62568493.869999997</v>
      </c>
      <c r="E190" s="13">
        <v>20747095.66</v>
      </c>
      <c r="F190" s="13">
        <v>55235578.240000002</v>
      </c>
      <c r="G190" s="13">
        <v>0.33</v>
      </c>
      <c r="H190" s="13">
        <v>7332915.6299999999</v>
      </c>
      <c r="I190" s="13">
        <v>20747095.66</v>
      </c>
      <c r="J190" s="13">
        <v>55235578.240000002</v>
      </c>
      <c r="K190" s="13">
        <v>0.41</v>
      </c>
      <c r="L190" s="13">
        <v>7332915.6299999999</v>
      </c>
    </row>
    <row r="191" spans="1:12" x14ac:dyDescent="0.25">
      <c r="A191" s="2" t="s">
        <v>520</v>
      </c>
      <c r="B191" s="4" t="s">
        <v>463</v>
      </c>
      <c r="C191" s="13">
        <v>0</v>
      </c>
      <c r="D191" s="13">
        <v>522237900.94999999</v>
      </c>
      <c r="E191" s="13">
        <v>124005645.23999999</v>
      </c>
      <c r="F191" s="13">
        <v>521480069.12</v>
      </c>
      <c r="G191" s="13">
        <v>3.16</v>
      </c>
      <c r="H191" s="13">
        <v>757831.83</v>
      </c>
      <c r="I191" s="13">
        <v>124116962.73999999</v>
      </c>
      <c r="J191" s="13">
        <v>521480069.12</v>
      </c>
      <c r="K191" s="13">
        <v>3.89</v>
      </c>
      <c r="L191" s="13">
        <v>757831.83</v>
      </c>
    </row>
    <row r="192" spans="1:12" x14ac:dyDescent="0.25">
      <c r="A192" s="2" t="s">
        <v>521</v>
      </c>
      <c r="B192" s="4" t="s">
        <v>464</v>
      </c>
      <c r="C192" s="13">
        <v>0</v>
      </c>
      <c r="D192" s="13">
        <v>88243.94</v>
      </c>
      <c r="E192" s="13">
        <v>29453.32</v>
      </c>
      <c r="F192" s="13">
        <v>88240.13</v>
      </c>
      <c r="G192" s="13">
        <v>0</v>
      </c>
      <c r="H192" s="13">
        <v>3.81</v>
      </c>
      <c r="I192" s="13">
        <v>29453.32</v>
      </c>
      <c r="J192" s="13">
        <v>88240.13</v>
      </c>
      <c r="K192" s="13">
        <v>0</v>
      </c>
      <c r="L192" s="13">
        <v>3.81</v>
      </c>
    </row>
    <row r="193" spans="1:12" x14ac:dyDescent="0.25">
      <c r="A193" s="2" t="s">
        <v>522</v>
      </c>
      <c r="B193" s="4" t="s">
        <v>447</v>
      </c>
      <c r="C193" s="13">
        <v>0</v>
      </c>
      <c r="D193" s="13">
        <v>9155700</v>
      </c>
      <c r="E193" s="13">
        <v>4427928.0599999996</v>
      </c>
      <c r="F193" s="13">
        <v>9153366.7100000009</v>
      </c>
      <c r="G193" s="13">
        <v>0.06</v>
      </c>
      <c r="H193" s="13">
        <v>2333.29</v>
      </c>
      <c r="I193" s="13">
        <v>4427928.0599999996</v>
      </c>
      <c r="J193" s="13">
        <v>9153366.7100000009</v>
      </c>
      <c r="K193" s="13">
        <v>7.0000000000000007E-2</v>
      </c>
      <c r="L193" s="13">
        <v>2333.29</v>
      </c>
    </row>
    <row r="194" spans="1:12" x14ac:dyDescent="0.25">
      <c r="A194" s="2" t="s">
        <v>523</v>
      </c>
      <c r="B194" s="4" t="s">
        <v>467</v>
      </c>
      <c r="C194" s="13">
        <v>275700</v>
      </c>
      <c r="D194" s="13">
        <v>100000</v>
      </c>
      <c r="E194" s="13">
        <v>0</v>
      </c>
      <c r="F194" s="13">
        <v>0</v>
      </c>
      <c r="G194" s="13">
        <v>0</v>
      </c>
      <c r="H194" s="13">
        <v>100000</v>
      </c>
      <c r="I194" s="13">
        <v>0</v>
      </c>
      <c r="J194" s="13">
        <v>0</v>
      </c>
      <c r="K194" s="13">
        <v>0</v>
      </c>
      <c r="L194" s="13">
        <v>100000</v>
      </c>
    </row>
    <row r="195" spans="1:12" x14ac:dyDescent="0.25">
      <c r="A195" s="3" t="s">
        <v>524</v>
      </c>
      <c r="B195" s="5" t="s">
        <v>469</v>
      </c>
      <c r="C195" s="11">
        <v>1610300</v>
      </c>
      <c r="D195" s="11">
        <v>1916200</v>
      </c>
      <c r="E195" s="11">
        <v>375601.99</v>
      </c>
      <c r="F195" s="11">
        <v>1909437.25</v>
      </c>
      <c r="G195" s="11">
        <v>0.01</v>
      </c>
      <c r="H195" s="11">
        <v>6762.75</v>
      </c>
      <c r="I195" s="11">
        <v>347090.42</v>
      </c>
      <c r="J195" s="11">
        <v>1310859.1599999999</v>
      </c>
      <c r="K195" s="11">
        <v>0.01</v>
      </c>
      <c r="L195" s="11">
        <v>605340.84</v>
      </c>
    </row>
    <row r="196" spans="1:12" x14ac:dyDescent="0.25">
      <c r="A196" s="2" t="s">
        <v>525</v>
      </c>
      <c r="B196" s="4" t="s">
        <v>424</v>
      </c>
      <c r="C196" s="13">
        <v>1610300</v>
      </c>
      <c r="D196" s="13">
        <v>1328100</v>
      </c>
      <c r="E196" s="13">
        <v>-209998.01</v>
      </c>
      <c r="F196" s="13">
        <v>1323837.25</v>
      </c>
      <c r="G196" s="13">
        <v>0.01</v>
      </c>
      <c r="H196" s="13">
        <v>4262.75</v>
      </c>
      <c r="I196" s="13">
        <v>228573.22</v>
      </c>
      <c r="J196" s="13">
        <v>1192341.96</v>
      </c>
      <c r="K196" s="13">
        <v>0.01</v>
      </c>
      <c r="L196" s="13">
        <v>135758.04</v>
      </c>
    </row>
    <row r="197" spans="1:12" x14ac:dyDescent="0.25">
      <c r="A197" s="2" t="s">
        <v>526</v>
      </c>
      <c r="B197" s="4" t="s">
        <v>471</v>
      </c>
      <c r="C197" s="13">
        <v>0</v>
      </c>
      <c r="D197" s="13">
        <v>588100</v>
      </c>
      <c r="E197" s="13">
        <v>585600</v>
      </c>
      <c r="F197" s="13">
        <v>585600</v>
      </c>
      <c r="G197" s="13">
        <v>0</v>
      </c>
      <c r="H197" s="13">
        <v>2500</v>
      </c>
      <c r="I197" s="13">
        <v>118517.2</v>
      </c>
      <c r="J197" s="13">
        <v>118517.2</v>
      </c>
      <c r="K197" s="13">
        <v>0</v>
      </c>
      <c r="L197" s="13">
        <v>469582.8</v>
      </c>
    </row>
    <row r="198" spans="1:12" x14ac:dyDescent="0.25">
      <c r="A198" s="3" t="s">
        <v>527</v>
      </c>
      <c r="B198" s="5" t="s">
        <v>472</v>
      </c>
      <c r="C198" s="11">
        <v>47733900</v>
      </c>
      <c r="D198" s="11">
        <v>22183166.359999999</v>
      </c>
      <c r="E198" s="11">
        <v>105772.15</v>
      </c>
      <c r="F198" s="11">
        <v>21849772.059999999</v>
      </c>
      <c r="G198" s="11">
        <v>0.13</v>
      </c>
      <c r="H198" s="11">
        <v>333394.3</v>
      </c>
      <c r="I198" s="11">
        <v>105772.15</v>
      </c>
      <c r="J198" s="11">
        <v>21849772.059999999</v>
      </c>
      <c r="K198" s="11">
        <v>0.16</v>
      </c>
      <c r="L198" s="11">
        <v>333394.3</v>
      </c>
    </row>
    <row r="199" spans="1:12" x14ac:dyDescent="0.25">
      <c r="A199" s="2" t="s">
        <v>528</v>
      </c>
      <c r="B199" s="4" t="s">
        <v>435</v>
      </c>
      <c r="C199" s="13">
        <v>0</v>
      </c>
      <c r="D199" s="13">
        <v>0</v>
      </c>
      <c r="E199" s="13">
        <v>0</v>
      </c>
      <c r="F199" s="13">
        <v>0</v>
      </c>
      <c r="G199" s="13">
        <v>0</v>
      </c>
      <c r="H199" s="13">
        <v>0</v>
      </c>
      <c r="I199" s="13">
        <v>0</v>
      </c>
      <c r="J199" s="13">
        <v>0</v>
      </c>
      <c r="K199" s="13">
        <v>0</v>
      </c>
      <c r="L199" s="13">
        <v>0</v>
      </c>
    </row>
    <row r="200" spans="1:12" x14ac:dyDescent="0.25">
      <c r="A200" s="2" t="s">
        <v>529</v>
      </c>
      <c r="B200" s="4" t="s">
        <v>442</v>
      </c>
      <c r="C200" s="13">
        <v>47733900</v>
      </c>
      <c r="D200" s="13">
        <v>22183166.359999999</v>
      </c>
      <c r="E200" s="13">
        <v>105772.15</v>
      </c>
      <c r="F200" s="13">
        <v>21849772.059999999</v>
      </c>
      <c r="G200" s="13">
        <v>0.13</v>
      </c>
      <c r="H200" s="13">
        <v>333394.3</v>
      </c>
      <c r="I200" s="13">
        <v>105772.15</v>
      </c>
      <c r="J200" s="13">
        <v>21849772.059999999</v>
      </c>
      <c r="K200" s="13">
        <v>0.16</v>
      </c>
      <c r="L200" s="13">
        <v>333394.3</v>
      </c>
    </row>
    <row r="201" spans="1:12" x14ac:dyDescent="0.25">
      <c r="A201" s="3" t="s">
        <v>530</v>
      </c>
      <c r="B201" s="5" t="s">
        <v>474</v>
      </c>
      <c r="C201" s="11">
        <v>1296900</v>
      </c>
      <c r="D201" s="11">
        <v>1267900</v>
      </c>
      <c r="E201" s="11">
        <v>27078.34</v>
      </c>
      <c r="F201" s="11">
        <v>1154487.56</v>
      </c>
      <c r="G201" s="11">
        <v>0.01</v>
      </c>
      <c r="H201" s="11">
        <v>113412.44</v>
      </c>
      <c r="I201" s="11">
        <v>194246.17</v>
      </c>
      <c r="J201" s="11">
        <v>862518.19</v>
      </c>
      <c r="K201" s="11">
        <v>0.01</v>
      </c>
      <c r="L201" s="11">
        <v>405381.81</v>
      </c>
    </row>
    <row r="202" spans="1:12" x14ac:dyDescent="0.25">
      <c r="A202" s="2" t="s">
        <v>531</v>
      </c>
      <c r="B202" s="4" t="s">
        <v>424</v>
      </c>
      <c r="C202" s="13">
        <v>1296900</v>
      </c>
      <c r="D202" s="13">
        <v>987900</v>
      </c>
      <c r="E202" s="13">
        <v>27078.34</v>
      </c>
      <c r="F202" s="13">
        <v>886487.56</v>
      </c>
      <c r="G202" s="13">
        <v>0.01</v>
      </c>
      <c r="H202" s="13">
        <v>101412.44</v>
      </c>
      <c r="I202" s="13">
        <v>128207.18</v>
      </c>
      <c r="J202" s="13">
        <v>763723</v>
      </c>
      <c r="K202" s="13">
        <v>0.01</v>
      </c>
      <c r="L202" s="13">
        <v>224177</v>
      </c>
    </row>
    <row r="203" spans="1:12" x14ac:dyDescent="0.25">
      <c r="A203" s="2" t="s">
        <v>532</v>
      </c>
      <c r="B203" s="4" t="s">
        <v>433</v>
      </c>
      <c r="C203" s="13">
        <v>0</v>
      </c>
      <c r="D203" s="13">
        <v>40000</v>
      </c>
      <c r="E203" s="13">
        <v>0</v>
      </c>
      <c r="F203" s="13">
        <v>35000</v>
      </c>
      <c r="G203" s="13">
        <v>0</v>
      </c>
      <c r="H203" s="13">
        <v>5000</v>
      </c>
      <c r="I203" s="13">
        <v>11298.13</v>
      </c>
      <c r="J203" s="13">
        <v>15500.2</v>
      </c>
      <c r="K203" s="13">
        <v>0</v>
      </c>
      <c r="L203" s="13">
        <v>24499.8</v>
      </c>
    </row>
    <row r="204" spans="1:12" x14ac:dyDescent="0.25">
      <c r="A204" s="2" t="s">
        <v>533</v>
      </c>
      <c r="B204" s="4" t="s">
        <v>475</v>
      </c>
      <c r="C204" s="13">
        <v>0</v>
      </c>
      <c r="D204" s="13">
        <v>240000</v>
      </c>
      <c r="E204" s="13">
        <v>0</v>
      </c>
      <c r="F204" s="13">
        <v>233000</v>
      </c>
      <c r="G204" s="13">
        <v>0</v>
      </c>
      <c r="H204" s="13">
        <v>7000</v>
      </c>
      <c r="I204" s="13">
        <v>54740.86</v>
      </c>
      <c r="J204" s="13">
        <v>83294.990000000005</v>
      </c>
      <c r="K204" s="13">
        <v>0</v>
      </c>
      <c r="L204" s="13">
        <v>156705.01</v>
      </c>
    </row>
    <row r="205" spans="1:12" x14ac:dyDescent="0.25">
      <c r="A205" s="3" t="s">
        <v>534</v>
      </c>
      <c r="B205" s="5" t="s">
        <v>478</v>
      </c>
      <c r="C205" s="11">
        <v>1096300</v>
      </c>
      <c r="D205" s="11">
        <v>5253800</v>
      </c>
      <c r="E205" s="11">
        <v>1232899.6399999999</v>
      </c>
      <c r="F205" s="11">
        <v>4744609.2300000004</v>
      </c>
      <c r="G205" s="11">
        <v>0.03</v>
      </c>
      <c r="H205" s="11">
        <v>509190.77</v>
      </c>
      <c r="I205" s="11">
        <v>1232899.6399999999</v>
      </c>
      <c r="J205" s="11">
        <v>4744609.2300000004</v>
      </c>
      <c r="K205" s="11">
        <v>0.04</v>
      </c>
      <c r="L205" s="11">
        <v>509190.77</v>
      </c>
    </row>
    <row r="206" spans="1:12" x14ac:dyDescent="0.25">
      <c r="A206" s="2" t="s">
        <v>535</v>
      </c>
      <c r="B206" s="4" t="s">
        <v>424</v>
      </c>
      <c r="C206" s="13">
        <v>1096300</v>
      </c>
      <c r="D206" s="13">
        <v>5238300</v>
      </c>
      <c r="E206" s="13">
        <v>1232148.96</v>
      </c>
      <c r="F206" s="13">
        <v>4743107.87</v>
      </c>
      <c r="G206" s="13">
        <v>0.03</v>
      </c>
      <c r="H206" s="13">
        <v>495192.13</v>
      </c>
      <c r="I206" s="13">
        <v>1232148.96</v>
      </c>
      <c r="J206" s="13">
        <v>4743107.87</v>
      </c>
      <c r="K206" s="13">
        <v>0.04</v>
      </c>
      <c r="L206" s="13">
        <v>495192.13</v>
      </c>
    </row>
    <row r="207" spans="1:12" x14ac:dyDescent="0.25">
      <c r="A207" s="2" t="s">
        <v>536</v>
      </c>
      <c r="B207" s="4" t="s">
        <v>479</v>
      </c>
      <c r="C207" s="13">
        <v>0</v>
      </c>
      <c r="D207" s="13">
        <v>15500</v>
      </c>
      <c r="E207" s="13">
        <v>750.68</v>
      </c>
      <c r="F207" s="13">
        <v>1501.36</v>
      </c>
      <c r="G207" s="13">
        <v>0</v>
      </c>
      <c r="H207" s="13">
        <v>13998.64</v>
      </c>
      <c r="I207" s="13">
        <v>750.68</v>
      </c>
      <c r="J207" s="13">
        <v>1501.36</v>
      </c>
      <c r="K207" s="13">
        <v>0</v>
      </c>
      <c r="L207" s="13">
        <v>13998.64</v>
      </c>
    </row>
    <row r="208" spans="1:12" x14ac:dyDescent="0.25">
      <c r="A208" s="3" t="s">
        <v>537</v>
      </c>
      <c r="B208" s="5" t="s">
        <v>485</v>
      </c>
      <c r="C208" s="11">
        <v>37136600</v>
      </c>
      <c r="D208" s="11">
        <v>37814000</v>
      </c>
      <c r="E208" s="11">
        <v>1986661.4</v>
      </c>
      <c r="F208" s="11">
        <v>35689981.909999996</v>
      </c>
      <c r="G208" s="11">
        <v>0.21</v>
      </c>
      <c r="H208" s="11">
        <v>2124018.09</v>
      </c>
      <c r="I208" s="11">
        <v>7468803.7999999998</v>
      </c>
      <c r="J208" s="11">
        <v>29645114.039999999</v>
      </c>
      <c r="K208" s="11">
        <v>0.23</v>
      </c>
      <c r="L208" s="11">
        <v>8168885.96</v>
      </c>
    </row>
    <row r="209" spans="1:12" x14ac:dyDescent="0.25">
      <c r="A209" s="2" t="s">
        <v>538</v>
      </c>
      <c r="B209" s="4" t="s">
        <v>424</v>
      </c>
      <c r="C209" s="13">
        <v>37136600</v>
      </c>
      <c r="D209" s="13">
        <v>29354600</v>
      </c>
      <c r="E209" s="13">
        <v>701689.61</v>
      </c>
      <c r="F209" s="13">
        <v>27824359.600000001</v>
      </c>
      <c r="G209" s="13">
        <v>0.17</v>
      </c>
      <c r="H209" s="13">
        <v>1530240.4</v>
      </c>
      <c r="I209" s="13">
        <v>4484679.1900000004</v>
      </c>
      <c r="J209" s="13">
        <v>23649631.219999999</v>
      </c>
      <c r="K209" s="13">
        <v>0.18</v>
      </c>
      <c r="L209" s="13">
        <v>5704968.7800000003</v>
      </c>
    </row>
    <row r="210" spans="1:12" x14ac:dyDescent="0.25">
      <c r="A210" s="2" t="s">
        <v>539</v>
      </c>
      <c r="B210" s="4" t="s">
        <v>480</v>
      </c>
      <c r="C210" s="13">
        <v>0</v>
      </c>
      <c r="D210" s="13">
        <v>77600</v>
      </c>
      <c r="E210" s="13">
        <v>19401.62</v>
      </c>
      <c r="F210" s="13">
        <v>38803.24</v>
      </c>
      <c r="G210" s="13">
        <v>0</v>
      </c>
      <c r="H210" s="13">
        <v>38796.76</v>
      </c>
      <c r="I210" s="13">
        <v>19401.62</v>
      </c>
      <c r="J210" s="13">
        <v>38803.24</v>
      </c>
      <c r="K210" s="13">
        <v>0</v>
      </c>
      <c r="L210" s="13">
        <v>38796.76</v>
      </c>
    </row>
    <row r="211" spans="1:12" x14ac:dyDescent="0.25">
      <c r="A211" s="2" t="s">
        <v>540</v>
      </c>
      <c r="B211" s="4" t="s">
        <v>484</v>
      </c>
      <c r="C211" s="13">
        <v>0</v>
      </c>
      <c r="D211" s="13">
        <v>270000</v>
      </c>
      <c r="E211" s="13">
        <v>98292</v>
      </c>
      <c r="F211" s="13">
        <v>201647.87</v>
      </c>
      <c r="G211" s="13">
        <v>0</v>
      </c>
      <c r="H211" s="13">
        <v>68352.13</v>
      </c>
      <c r="I211" s="13">
        <v>98292</v>
      </c>
      <c r="J211" s="13">
        <v>201647.87</v>
      </c>
      <c r="K211" s="13">
        <v>0</v>
      </c>
      <c r="L211" s="13">
        <v>68352.13</v>
      </c>
    </row>
    <row r="212" spans="1:12" x14ac:dyDescent="0.25">
      <c r="A212" s="2" t="s">
        <v>541</v>
      </c>
      <c r="B212" s="4" t="s">
        <v>486</v>
      </c>
      <c r="C212" s="13">
        <v>0</v>
      </c>
      <c r="D212" s="13">
        <v>2604700</v>
      </c>
      <c r="E212" s="13">
        <v>1112665.73</v>
      </c>
      <c r="F212" s="13">
        <v>2226066.16</v>
      </c>
      <c r="G212" s="13">
        <v>0.01</v>
      </c>
      <c r="H212" s="13">
        <v>378633.84</v>
      </c>
      <c r="I212" s="13">
        <v>1112665.53</v>
      </c>
      <c r="J212" s="13">
        <v>2226065.96</v>
      </c>
      <c r="K212" s="13">
        <v>0.02</v>
      </c>
      <c r="L212" s="13">
        <v>378634.04</v>
      </c>
    </row>
    <row r="213" spans="1:12" x14ac:dyDescent="0.25">
      <c r="A213" s="2" t="s">
        <v>542</v>
      </c>
      <c r="B213" s="4" t="s">
        <v>488</v>
      </c>
      <c r="C213" s="13">
        <v>0</v>
      </c>
      <c r="D213" s="13">
        <v>217100</v>
      </c>
      <c r="E213" s="13">
        <v>54612.44</v>
      </c>
      <c r="F213" s="13">
        <v>109224.88</v>
      </c>
      <c r="G213" s="13">
        <v>0</v>
      </c>
      <c r="H213" s="13">
        <v>107875.12</v>
      </c>
      <c r="I213" s="13">
        <v>54612.44</v>
      </c>
      <c r="J213" s="13">
        <v>109224.88</v>
      </c>
      <c r="K213" s="13">
        <v>0</v>
      </c>
      <c r="L213" s="13">
        <v>107875.12</v>
      </c>
    </row>
    <row r="214" spans="1:12" x14ac:dyDescent="0.25">
      <c r="A214" s="2" t="s">
        <v>543</v>
      </c>
      <c r="B214" s="4" t="s">
        <v>489</v>
      </c>
      <c r="C214" s="13">
        <v>0</v>
      </c>
      <c r="D214" s="13">
        <v>5290000</v>
      </c>
      <c r="E214" s="13">
        <v>0</v>
      </c>
      <c r="F214" s="13">
        <v>5289880.16</v>
      </c>
      <c r="G214" s="13">
        <v>0.03</v>
      </c>
      <c r="H214" s="13">
        <v>119.84</v>
      </c>
      <c r="I214" s="13">
        <v>1699153.02</v>
      </c>
      <c r="J214" s="13">
        <v>3419740.87</v>
      </c>
      <c r="K214" s="13">
        <v>0.03</v>
      </c>
      <c r="L214" s="13">
        <v>1870259.13</v>
      </c>
    </row>
    <row r="215" spans="1:12" x14ac:dyDescent="0.25">
      <c r="A215" s="3" t="s">
        <v>544</v>
      </c>
      <c r="B215" s="5" t="s">
        <v>490</v>
      </c>
      <c r="C215" s="11">
        <v>0</v>
      </c>
      <c r="D215" s="11">
        <v>292000</v>
      </c>
      <c r="E215" s="11">
        <v>121916.8</v>
      </c>
      <c r="F215" s="11">
        <v>243824.01</v>
      </c>
      <c r="G215" s="11">
        <v>0</v>
      </c>
      <c r="H215" s="11">
        <v>48175.99</v>
      </c>
      <c r="I215" s="11">
        <v>121916.8</v>
      </c>
      <c r="J215" s="11">
        <v>243823.01</v>
      </c>
      <c r="K215" s="11">
        <v>0</v>
      </c>
      <c r="L215" s="11">
        <v>48176.99</v>
      </c>
    </row>
    <row r="216" spans="1:12" x14ac:dyDescent="0.25">
      <c r="A216" s="2" t="s">
        <v>545</v>
      </c>
      <c r="B216" s="4" t="s">
        <v>491</v>
      </c>
      <c r="C216" s="13">
        <v>0</v>
      </c>
      <c r="D216" s="13">
        <v>292000</v>
      </c>
      <c r="E216" s="13">
        <v>121916.8</v>
      </c>
      <c r="F216" s="13">
        <v>243824.01</v>
      </c>
      <c r="G216" s="13">
        <v>0</v>
      </c>
      <c r="H216" s="13">
        <v>48175.99</v>
      </c>
      <c r="I216" s="13">
        <v>121916.8</v>
      </c>
      <c r="J216" s="13">
        <v>243823.01</v>
      </c>
      <c r="K216" s="13">
        <v>0</v>
      </c>
      <c r="L216" s="13">
        <v>48176.99</v>
      </c>
    </row>
    <row r="217" spans="1:12" x14ac:dyDescent="0.25">
      <c r="A217" s="3" t="s">
        <v>546</v>
      </c>
      <c r="B217" s="5" t="s">
        <v>492</v>
      </c>
      <c r="C217" s="11">
        <v>0</v>
      </c>
      <c r="D217" s="11">
        <v>11000</v>
      </c>
      <c r="E217" s="11">
        <v>2744.38</v>
      </c>
      <c r="F217" s="11">
        <v>5488.76</v>
      </c>
      <c r="G217" s="11">
        <v>0</v>
      </c>
      <c r="H217" s="11">
        <v>5511.24</v>
      </c>
      <c r="I217" s="11">
        <v>2744.38</v>
      </c>
      <c r="J217" s="11">
        <v>5488.76</v>
      </c>
      <c r="K217" s="11">
        <v>0</v>
      </c>
      <c r="L217" s="11">
        <v>5511.24</v>
      </c>
    </row>
    <row r="218" spans="1:12" x14ac:dyDescent="0.25">
      <c r="A218" s="2" t="s">
        <v>547</v>
      </c>
      <c r="B218" s="4" t="s">
        <v>493</v>
      </c>
      <c r="C218" s="13">
        <v>0</v>
      </c>
      <c r="D218" s="13">
        <v>11000</v>
      </c>
      <c r="E218" s="13">
        <v>2744.38</v>
      </c>
      <c r="F218" s="13">
        <v>5488.76</v>
      </c>
      <c r="G218" s="13">
        <v>0</v>
      </c>
      <c r="H218" s="13">
        <v>5511.24</v>
      </c>
      <c r="I218" s="13">
        <v>2744.38</v>
      </c>
      <c r="J218" s="13">
        <v>5488.76</v>
      </c>
      <c r="K218" s="13">
        <v>0</v>
      </c>
      <c r="L218" s="13">
        <v>5511.24</v>
      </c>
    </row>
    <row r="219" spans="1:12" x14ac:dyDescent="0.25">
      <c r="A219" s="3" t="s">
        <v>548</v>
      </c>
      <c r="B219" s="5" t="s">
        <v>494</v>
      </c>
      <c r="C219" s="11">
        <v>3933000</v>
      </c>
      <c r="D219" s="11">
        <v>5552982.2800000003</v>
      </c>
      <c r="E219" s="11">
        <v>987845.43</v>
      </c>
      <c r="F219" s="11">
        <v>3245248.28</v>
      </c>
      <c r="G219" s="11">
        <v>0.02</v>
      </c>
      <c r="H219" s="11">
        <v>2307734</v>
      </c>
      <c r="I219" s="11">
        <v>610655.53</v>
      </c>
      <c r="J219" s="11">
        <v>2337718.4700000002</v>
      </c>
      <c r="K219" s="11">
        <v>0.02</v>
      </c>
      <c r="L219" s="11">
        <v>3215263.81</v>
      </c>
    </row>
    <row r="220" spans="1:12" x14ac:dyDescent="0.25">
      <c r="A220" s="2" t="s">
        <v>549</v>
      </c>
      <c r="B220" s="4" t="s">
        <v>495</v>
      </c>
      <c r="C220" s="13">
        <v>1615000</v>
      </c>
      <c r="D220" s="13">
        <v>3138510</v>
      </c>
      <c r="E220" s="13">
        <v>331167.74</v>
      </c>
      <c r="F220" s="13">
        <v>1289922.1399999999</v>
      </c>
      <c r="G220" s="13">
        <v>0.01</v>
      </c>
      <c r="H220" s="13">
        <v>1848587.86</v>
      </c>
      <c r="I220" s="13">
        <v>331167.74</v>
      </c>
      <c r="J220" s="13">
        <v>1289922.1399999999</v>
      </c>
      <c r="K220" s="13">
        <v>0.01</v>
      </c>
      <c r="L220" s="13">
        <v>1848587.86</v>
      </c>
    </row>
    <row r="221" spans="1:12" x14ac:dyDescent="0.25">
      <c r="A221" s="2" t="s">
        <v>550</v>
      </c>
      <c r="B221" s="4" t="s">
        <v>496</v>
      </c>
      <c r="C221" s="13">
        <v>0</v>
      </c>
      <c r="D221" s="13">
        <v>564000</v>
      </c>
      <c r="E221" s="13">
        <v>384000</v>
      </c>
      <c r="F221" s="13">
        <v>564000</v>
      </c>
      <c r="G221" s="13">
        <v>0</v>
      </c>
      <c r="H221" s="13">
        <v>0</v>
      </c>
      <c r="I221" s="13">
        <v>137040.09</v>
      </c>
      <c r="J221" s="13">
        <v>207789.09</v>
      </c>
      <c r="K221" s="13">
        <v>0</v>
      </c>
      <c r="L221" s="13">
        <v>356210.91</v>
      </c>
    </row>
    <row r="222" spans="1:12" x14ac:dyDescent="0.25">
      <c r="A222" s="2" t="s">
        <v>551</v>
      </c>
      <c r="B222" s="4" t="s">
        <v>497</v>
      </c>
      <c r="C222" s="13">
        <v>2318000</v>
      </c>
      <c r="D222" s="13">
        <v>1754000</v>
      </c>
      <c r="E222" s="13">
        <v>235656.78</v>
      </c>
      <c r="F222" s="13">
        <v>1335411.71</v>
      </c>
      <c r="G222" s="13">
        <v>0.01</v>
      </c>
      <c r="H222" s="13">
        <v>418588.29</v>
      </c>
      <c r="I222" s="13">
        <v>105426.79</v>
      </c>
      <c r="J222" s="13">
        <v>784092.81</v>
      </c>
      <c r="K222" s="13">
        <v>0.01</v>
      </c>
      <c r="L222" s="13">
        <v>969907.19</v>
      </c>
    </row>
    <row r="223" spans="1:12" x14ac:dyDescent="0.25">
      <c r="A223" s="2" t="s">
        <v>552</v>
      </c>
      <c r="B223" s="4" t="s">
        <v>498</v>
      </c>
      <c r="C223" s="13">
        <v>0</v>
      </c>
      <c r="D223" s="13">
        <v>96472.28</v>
      </c>
      <c r="E223" s="13">
        <v>37020.910000000003</v>
      </c>
      <c r="F223" s="13">
        <v>55914.43</v>
      </c>
      <c r="G223" s="13">
        <v>0</v>
      </c>
      <c r="H223" s="13">
        <v>40557.85</v>
      </c>
      <c r="I223" s="13">
        <v>37020.910000000003</v>
      </c>
      <c r="J223" s="13">
        <v>55914.43</v>
      </c>
      <c r="K223" s="13">
        <v>0</v>
      </c>
      <c r="L223" s="13">
        <v>40557.85</v>
      </c>
    </row>
    <row r="224" spans="1:12" x14ac:dyDescent="0.25">
      <c r="A224" s="3" t="s">
        <v>553</v>
      </c>
      <c r="B224" s="5" t="s">
        <v>499</v>
      </c>
      <c r="C224" s="11">
        <v>0</v>
      </c>
      <c r="D224" s="11">
        <v>12000</v>
      </c>
      <c r="E224" s="11">
        <v>4629.16</v>
      </c>
      <c r="F224" s="11">
        <v>4629.16</v>
      </c>
      <c r="G224" s="11">
        <v>0</v>
      </c>
      <c r="H224" s="11">
        <v>7370.84</v>
      </c>
      <c r="I224" s="11">
        <v>4629.16</v>
      </c>
      <c r="J224" s="11">
        <v>4629.16</v>
      </c>
      <c r="K224" s="11">
        <v>0</v>
      </c>
      <c r="L224" s="11">
        <v>7370.84</v>
      </c>
    </row>
    <row r="225" spans="1:12" x14ac:dyDescent="0.25">
      <c r="A225" s="2" t="s">
        <v>554</v>
      </c>
      <c r="B225" s="4" t="s">
        <v>500</v>
      </c>
      <c r="C225" s="13">
        <v>0</v>
      </c>
      <c r="D225" s="13">
        <v>12000</v>
      </c>
      <c r="E225" s="13">
        <v>4629.16</v>
      </c>
      <c r="F225" s="13">
        <v>4629.16</v>
      </c>
      <c r="G225" s="13">
        <v>0</v>
      </c>
      <c r="H225" s="13">
        <v>7370.84</v>
      </c>
      <c r="I225" s="13">
        <v>4629.16</v>
      </c>
      <c r="J225" s="13">
        <v>4629.16</v>
      </c>
      <c r="K225" s="13">
        <v>0</v>
      </c>
      <c r="L225" s="13">
        <v>7370.84</v>
      </c>
    </row>
    <row r="226" spans="1:12" x14ac:dyDescent="0.25">
      <c r="A226" s="3" t="s">
        <v>555</v>
      </c>
      <c r="B226" s="5" t="s">
        <v>504</v>
      </c>
      <c r="C226" s="11">
        <v>38690400</v>
      </c>
      <c r="D226" s="11">
        <v>38690400</v>
      </c>
      <c r="E226" s="11">
        <v>6456887.3399999999</v>
      </c>
      <c r="F226" s="11">
        <v>25792612.34</v>
      </c>
      <c r="G226" s="11">
        <v>0.16</v>
      </c>
      <c r="H226" s="11">
        <v>12897787.66</v>
      </c>
      <c r="I226" s="11">
        <v>6456887.3300000001</v>
      </c>
      <c r="J226" s="11">
        <v>25792612.329999998</v>
      </c>
      <c r="K226" s="11">
        <v>0.19</v>
      </c>
      <c r="L226" s="11">
        <v>12897787.67</v>
      </c>
    </row>
    <row r="227" spans="1:12" x14ac:dyDescent="0.25">
      <c r="A227" s="2" t="s">
        <v>556</v>
      </c>
      <c r="B227" s="4" t="s">
        <v>424</v>
      </c>
      <c r="C227" s="13">
        <v>38690400</v>
      </c>
      <c r="D227" s="13">
        <v>38690400</v>
      </c>
      <c r="E227" s="13">
        <v>6456887.3399999999</v>
      </c>
      <c r="F227" s="13">
        <v>25792612.34</v>
      </c>
      <c r="G227" s="13">
        <v>0.16</v>
      </c>
      <c r="H227" s="13">
        <v>12897787.66</v>
      </c>
      <c r="I227" s="13">
        <v>6456887.3300000001</v>
      </c>
      <c r="J227" s="13">
        <v>25792612.329999998</v>
      </c>
      <c r="K227" s="13">
        <v>0.19</v>
      </c>
      <c r="L227" s="13">
        <v>12897787.67</v>
      </c>
    </row>
    <row r="228" spans="1:12" x14ac:dyDescent="0.25">
      <c r="A228" s="3" t="s">
        <v>557</v>
      </c>
      <c r="B228" s="5" t="s">
        <v>509</v>
      </c>
      <c r="C228" s="11">
        <v>201200</v>
      </c>
      <c r="D228" s="11">
        <v>370200</v>
      </c>
      <c r="E228" s="11">
        <v>94414.15</v>
      </c>
      <c r="F228" s="11">
        <v>341036.01</v>
      </c>
      <c r="G228" s="11">
        <v>0</v>
      </c>
      <c r="H228" s="11">
        <v>29163.99</v>
      </c>
      <c r="I228" s="11">
        <v>94414.15</v>
      </c>
      <c r="J228" s="11">
        <v>341036.01</v>
      </c>
      <c r="K228" s="11">
        <v>0</v>
      </c>
      <c r="L228" s="11">
        <v>29163.99</v>
      </c>
    </row>
    <row r="229" spans="1:12" x14ac:dyDescent="0.25">
      <c r="A229" s="2" t="s">
        <v>558</v>
      </c>
      <c r="B229" s="4" t="s">
        <v>511</v>
      </c>
      <c r="C229" s="13">
        <v>201200</v>
      </c>
      <c r="D229" s="13">
        <v>370200</v>
      </c>
      <c r="E229" s="13">
        <v>94414.15</v>
      </c>
      <c r="F229" s="13">
        <v>341036.01</v>
      </c>
      <c r="G229" s="13">
        <v>0</v>
      </c>
      <c r="H229" s="13">
        <v>29163.99</v>
      </c>
      <c r="I229" s="13">
        <v>94414.15</v>
      </c>
      <c r="J229" s="13">
        <v>341036.01</v>
      </c>
      <c r="K229" s="13">
        <v>0</v>
      </c>
      <c r="L229" s="13">
        <v>29163.99</v>
      </c>
    </row>
    <row r="230" spans="1:12" x14ac:dyDescent="0.25">
      <c r="A230" s="3" t="s">
        <v>559</v>
      </c>
      <c r="B230" s="5" t="s">
        <v>512</v>
      </c>
      <c r="C230" s="11">
        <v>24915400</v>
      </c>
      <c r="D230" s="11">
        <v>29464400</v>
      </c>
      <c r="E230" s="11">
        <v>1416248.49</v>
      </c>
      <c r="F230" s="11">
        <v>24798964.899999999</v>
      </c>
      <c r="G230" s="11">
        <v>0.15</v>
      </c>
      <c r="H230" s="11">
        <v>4665435.0999999996</v>
      </c>
      <c r="I230" s="11">
        <v>3409046.27</v>
      </c>
      <c r="J230" s="11">
        <v>19289213.010000002</v>
      </c>
      <c r="K230" s="11">
        <v>0.14000000000000001</v>
      </c>
      <c r="L230" s="11">
        <v>10175186.99</v>
      </c>
    </row>
    <row r="231" spans="1:12" x14ac:dyDescent="0.25">
      <c r="A231" s="2" t="s">
        <v>560</v>
      </c>
      <c r="B231" s="4" t="s">
        <v>448</v>
      </c>
      <c r="C231" s="13">
        <v>5820000</v>
      </c>
      <c r="D231" s="13">
        <v>5974000</v>
      </c>
      <c r="E231" s="13">
        <v>0</v>
      </c>
      <c r="F231" s="13">
        <v>5974000</v>
      </c>
      <c r="G231" s="13">
        <v>0.04</v>
      </c>
      <c r="H231" s="13">
        <v>0</v>
      </c>
      <c r="I231" s="13">
        <v>0</v>
      </c>
      <c r="J231" s="13">
        <v>5946732.5800000001</v>
      </c>
      <c r="K231" s="13">
        <v>0.04</v>
      </c>
      <c r="L231" s="13">
        <v>27267.42</v>
      </c>
    </row>
    <row r="232" spans="1:12" x14ac:dyDescent="0.25">
      <c r="A232" s="2" t="s">
        <v>561</v>
      </c>
      <c r="B232" s="4" t="s">
        <v>421</v>
      </c>
      <c r="C232" s="13">
        <v>19095400</v>
      </c>
      <c r="D232" s="13">
        <v>23490400</v>
      </c>
      <c r="E232" s="13">
        <v>1416248.49</v>
      </c>
      <c r="F232" s="13">
        <v>18824964.899999999</v>
      </c>
      <c r="G232" s="13">
        <v>0.11</v>
      </c>
      <c r="H232" s="13">
        <v>4665435.0999999996</v>
      </c>
      <c r="I232" s="13">
        <v>3409046.27</v>
      </c>
      <c r="J232" s="13">
        <v>13342480.43</v>
      </c>
      <c r="K232" s="13">
        <v>0.1</v>
      </c>
      <c r="L232" s="13">
        <v>10147919.57</v>
      </c>
    </row>
    <row r="233" spans="1:12" x14ac:dyDescent="0.25">
      <c r="A233" s="3" t="s">
        <v>562</v>
      </c>
      <c r="B233" s="5" t="s">
        <v>563</v>
      </c>
      <c r="C233" s="11">
        <v>18475534800</v>
      </c>
      <c r="D233" s="11">
        <v>22089736215.860001</v>
      </c>
      <c r="E233" s="11">
        <v>3293961005.52</v>
      </c>
      <c r="F233" s="11">
        <v>16491770661.940001</v>
      </c>
      <c r="G233" s="11">
        <v>99.98</v>
      </c>
      <c r="H233" s="11">
        <v>5597965553.9200001</v>
      </c>
      <c r="I233" s="11">
        <v>3783820864.9299998</v>
      </c>
      <c r="J233" s="11">
        <v>13420283382.34</v>
      </c>
      <c r="K233" s="11">
        <v>100.05</v>
      </c>
      <c r="L233" s="11">
        <v>8669452833.5200005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3"/>
  <sheetViews>
    <sheetView showGridLines="0" topLeftCell="A6" workbookViewId="0">
      <selection activeCell="C12" sqref="C12:P43"/>
    </sheetView>
  </sheetViews>
  <sheetFormatPr defaultRowHeight="15" x14ac:dyDescent="0.25"/>
  <cols>
    <col min="2" max="2" width="106.85546875" bestFit="1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564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6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566</v>
      </c>
      <c r="C10" s="10" t="s">
        <v>372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67</v>
      </c>
      <c r="P10" s="10" t="s">
        <v>568</v>
      </c>
    </row>
    <row r="11" spans="1:16" ht="21" x14ac:dyDescent="0.25">
      <c r="A11" s="10" t="s">
        <v>7</v>
      </c>
      <c r="B11" s="10" t="s">
        <v>7</v>
      </c>
      <c r="C11" s="1" t="s">
        <v>373</v>
      </c>
      <c r="D11" s="1" t="s">
        <v>374</v>
      </c>
      <c r="E11" s="1" t="s">
        <v>375</v>
      </c>
      <c r="F11" s="1" t="s">
        <v>376</v>
      </c>
      <c r="G11" s="1" t="s">
        <v>377</v>
      </c>
      <c r="H11" s="1" t="s">
        <v>378</v>
      </c>
      <c r="I11" s="1" t="s">
        <v>379</v>
      </c>
      <c r="J11" s="1" t="s">
        <v>380</v>
      </c>
      <c r="K11" s="1" t="s">
        <v>381</v>
      </c>
      <c r="L11" s="1" t="s">
        <v>382</v>
      </c>
      <c r="M11" s="1" t="s">
        <v>383</v>
      </c>
      <c r="N11" s="1" t="s">
        <v>384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69</v>
      </c>
      <c r="C12" s="11">
        <v>1957497738.05</v>
      </c>
      <c r="D12" s="11">
        <v>1954961231.1600001</v>
      </c>
      <c r="E12" s="11">
        <v>2050210757.0799999</v>
      </c>
      <c r="F12" s="11">
        <v>2344751402.6900001</v>
      </c>
      <c r="G12" s="11">
        <v>2431080919.8200002</v>
      </c>
      <c r="H12" s="11">
        <v>1930720108.5599999</v>
      </c>
      <c r="I12" s="11">
        <v>2179605131.0599999</v>
      </c>
      <c r="J12" s="11">
        <v>2127009904.8299999</v>
      </c>
      <c r="K12" s="11">
        <v>2317383064.0599999</v>
      </c>
      <c r="L12" s="11">
        <v>2328002538.6599998</v>
      </c>
      <c r="M12" s="11">
        <v>2145435014.71</v>
      </c>
      <c r="N12" s="11">
        <v>2344731102.9899998</v>
      </c>
      <c r="O12" s="11">
        <v>26111388913.669998</v>
      </c>
      <c r="P12" s="11">
        <v>22354224688.77</v>
      </c>
    </row>
    <row r="13" spans="1:16" x14ac:dyDescent="0.25">
      <c r="A13" s="3" t="s">
        <v>19</v>
      </c>
      <c r="B13" s="5" t="s">
        <v>570</v>
      </c>
      <c r="C13" s="11">
        <v>1310541166.8199999</v>
      </c>
      <c r="D13" s="11">
        <v>1302748228.2</v>
      </c>
      <c r="E13" s="11">
        <v>1303320809.0999999</v>
      </c>
      <c r="F13" s="11">
        <v>1464919753.04</v>
      </c>
      <c r="G13" s="11">
        <v>1665434023.1099999</v>
      </c>
      <c r="H13" s="11">
        <v>1199212176.1199999</v>
      </c>
      <c r="I13" s="11">
        <v>1406011968.95</v>
      </c>
      <c r="J13" s="11">
        <v>1378970984.71</v>
      </c>
      <c r="K13" s="11">
        <v>1387223648.77</v>
      </c>
      <c r="L13" s="11">
        <v>1403111525.6500001</v>
      </c>
      <c r="M13" s="11">
        <v>1386350536.02</v>
      </c>
      <c r="N13" s="11">
        <v>1525672640.03</v>
      </c>
      <c r="O13" s="11">
        <v>16733517460.52</v>
      </c>
      <c r="P13" s="11">
        <v>15125361783.77</v>
      </c>
    </row>
    <row r="14" spans="1:16" x14ac:dyDescent="0.25">
      <c r="A14" s="2" t="s">
        <v>21</v>
      </c>
      <c r="B14" s="4" t="s">
        <v>571</v>
      </c>
      <c r="C14" s="13">
        <v>1143147733.72</v>
      </c>
      <c r="D14" s="13">
        <v>1134142541.0999999</v>
      </c>
      <c r="E14" s="13">
        <v>1131411370.9300001</v>
      </c>
      <c r="F14" s="13">
        <v>1156348986.78</v>
      </c>
      <c r="G14" s="13">
        <v>1131724091.3</v>
      </c>
      <c r="H14" s="13">
        <v>1006713066.54</v>
      </c>
      <c r="I14" s="13">
        <v>1151128906.28</v>
      </c>
      <c r="J14" s="13">
        <v>1155542669.6099999</v>
      </c>
      <c r="K14" s="13">
        <v>1161400061.4000001</v>
      </c>
      <c r="L14" s="13">
        <v>1189251102.3299999</v>
      </c>
      <c r="M14" s="13">
        <v>1170378294.1500001</v>
      </c>
      <c r="N14" s="13">
        <v>1318760332.28</v>
      </c>
      <c r="O14" s="13">
        <v>13849949156.42</v>
      </c>
      <c r="P14" s="13">
        <v>12515606283.77</v>
      </c>
    </row>
    <row r="15" spans="1:16" x14ac:dyDescent="0.25">
      <c r="A15" s="2" t="s">
        <v>23</v>
      </c>
      <c r="B15" s="4" t="s">
        <v>572</v>
      </c>
      <c r="C15" s="13">
        <v>27673078.5</v>
      </c>
      <c r="D15" s="13">
        <v>21699287.940000001</v>
      </c>
      <c r="E15" s="13">
        <v>16923334.510000002</v>
      </c>
      <c r="F15" s="13">
        <v>58941543.219999999</v>
      </c>
      <c r="G15" s="13">
        <v>428681696</v>
      </c>
      <c r="H15" s="13">
        <v>52700293.950000003</v>
      </c>
      <c r="I15" s="13">
        <v>88375617.459999993</v>
      </c>
      <c r="J15" s="13">
        <v>58559695.039999999</v>
      </c>
      <c r="K15" s="13">
        <v>66232339.939999998</v>
      </c>
      <c r="L15" s="13">
        <v>34390010.75</v>
      </c>
      <c r="M15" s="13">
        <v>34345187.719999999</v>
      </c>
      <c r="N15" s="13">
        <v>29720880.870000001</v>
      </c>
      <c r="O15" s="13">
        <v>918242965.89999998</v>
      </c>
      <c r="P15" s="13">
        <v>925275000</v>
      </c>
    </row>
    <row r="16" spans="1:16" x14ac:dyDescent="0.25">
      <c r="A16" s="2" t="s">
        <v>25</v>
      </c>
      <c r="B16" s="4" t="s">
        <v>573</v>
      </c>
      <c r="C16" s="13">
        <v>25076346.52</v>
      </c>
      <c r="D16" s="13">
        <v>37422112.810000002</v>
      </c>
      <c r="E16" s="13">
        <v>34132796.75</v>
      </c>
      <c r="F16" s="13">
        <v>44873165.219999999</v>
      </c>
      <c r="G16" s="13">
        <v>25711937.93</v>
      </c>
      <c r="H16" s="13">
        <v>26617213.280000001</v>
      </c>
      <c r="I16" s="13">
        <v>41644319.149999999</v>
      </c>
      <c r="J16" s="13">
        <v>25446410.350000001</v>
      </c>
      <c r="K16" s="13">
        <v>31099437.370000001</v>
      </c>
      <c r="L16" s="13">
        <v>34524087.210000001</v>
      </c>
      <c r="M16" s="13">
        <v>42767422.329999998</v>
      </c>
      <c r="N16" s="13">
        <v>34453000.520000003</v>
      </c>
      <c r="O16" s="13">
        <v>403768249.44</v>
      </c>
      <c r="P16" s="13">
        <v>295720100</v>
      </c>
    </row>
    <row r="17" spans="1:16" x14ac:dyDescent="0.25">
      <c r="A17" s="2" t="s">
        <v>27</v>
      </c>
      <c r="B17" s="4" t="s">
        <v>574</v>
      </c>
      <c r="C17" s="13">
        <v>82665763.930000007</v>
      </c>
      <c r="D17" s="13">
        <v>78296675.209999993</v>
      </c>
      <c r="E17" s="13">
        <v>91490013.670000002</v>
      </c>
      <c r="F17" s="13">
        <v>179759517.63999999</v>
      </c>
      <c r="G17" s="13">
        <v>54929590.729999997</v>
      </c>
      <c r="H17" s="13">
        <v>91061238.870000005</v>
      </c>
      <c r="I17" s="13">
        <v>100137332.90000001</v>
      </c>
      <c r="J17" s="13">
        <v>101563998.75</v>
      </c>
      <c r="K17" s="13">
        <v>97016055.120000005</v>
      </c>
      <c r="L17" s="13">
        <v>112100301.84</v>
      </c>
      <c r="M17" s="13">
        <v>98178862.370000005</v>
      </c>
      <c r="N17" s="13">
        <v>104968576.72</v>
      </c>
      <c r="O17" s="13">
        <v>1192167927.75</v>
      </c>
      <c r="P17" s="13">
        <v>1031230000</v>
      </c>
    </row>
    <row r="18" spans="1:16" x14ac:dyDescent="0.25">
      <c r="A18" s="2" t="s">
        <v>29</v>
      </c>
      <c r="B18" s="4" t="s">
        <v>575</v>
      </c>
      <c r="C18" s="13">
        <v>31978244.149999999</v>
      </c>
      <c r="D18" s="13">
        <v>31187611.140000001</v>
      </c>
      <c r="E18" s="13">
        <v>29363293.239999998</v>
      </c>
      <c r="F18" s="13">
        <v>24996540.18</v>
      </c>
      <c r="G18" s="13">
        <v>24386707.149999999</v>
      </c>
      <c r="H18" s="13">
        <v>22120363.48</v>
      </c>
      <c r="I18" s="13">
        <v>24725793.16</v>
      </c>
      <c r="J18" s="13">
        <v>37858210.960000001</v>
      </c>
      <c r="K18" s="13">
        <v>31475754.940000001</v>
      </c>
      <c r="L18" s="13">
        <v>32846023.52</v>
      </c>
      <c r="M18" s="13">
        <v>40680769.450000003</v>
      </c>
      <c r="N18" s="13">
        <v>37769849.640000001</v>
      </c>
      <c r="O18" s="13">
        <v>369389161.00999999</v>
      </c>
      <c r="P18" s="13">
        <v>357530400</v>
      </c>
    </row>
    <row r="19" spans="1:16" x14ac:dyDescent="0.25">
      <c r="A19" s="2" t="s">
        <v>31</v>
      </c>
      <c r="B19" s="4" t="s">
        <v>576</v>
      </c>
      <c r="C19" s="13">
        <v>79542397.719999999</v>
      </c>
      <c r="D19" s="13">
        <v>77173900.829999998</v>
      </c>
      <c r="E19" s="13">
        <v>105316811.59</v>
      </c>
      <c r="F19" s="13">
        <v>154495905.25999999</v>
      </c>
      <c r="G19" s="13">
        <v>85075242.430000007</v>
      </c>
      <c r="H19" s="13">
        <v>96416049.230000004</v>
      </c>
      <c r="I19" s="13">
        <v>102704649.63</v>
      </c>
      <c r="J19" s="13">
        <v>92642399</v>
      </c>
      <c r="K19" s="13">
        <v>94934819.549999997</v>
      </c>
      <c r="L19" s="13">
        <v>97631305.939999998</v>
      </c>
      <c r="M19" s="13">
        <v>91941448.560000002</v>
      </c>
      <c r="N19" s="13">
        <v>88070848.390000001</v>
      </c>
      <c r="O19" s="13">
        <v>1165945778.1300001</v>
      </c>
      <c r="P19" s="13">
        <v>736287100</v>
      </c>
    </row>
    <row r="20" spans="1:16" x14ac:dyDescent="0.25">
      <c r="A20" s="3" t="s">
        <v>33</v>
      </c>
      <c r="B20" s="5" t="s">
        <v>577</v>
      </c>
      <c r="C20" s="11">
        <v>20571118.239999998</v>
      </c>
      <c r="D20" s="11">
        <v>23757917.609999999</v>
      </c>
      <c r="E20" s="11">
        <v>40582503.189999998</v>
      </c>
      <c r="F20" s="11">
        <v>61858774.899999999</v>
      </c>
      <c r="G20" s="11">
        <v>52309066.439999998</v>
      </c>
      <c r="H20" s="11">
        <v>47183977.740000002</v>
      </c>
      <c r="I20" s="11">
        <v>54430877.93</v>
      </c>
      <c r="J20" s="11">
        <v>59961580</v>
      </c>
      <c r="K20" s="11">
        <v>81939769.890000001</v>
      </c>
      <c r="L20" s="11">
        <v>66581986.530000001</v>
      </c>
      <c r="M20" s="11">
        <v>65413725.719999999</v>
      </c>
      <c r="N20" s="11">
        <v>75676612.280000001</v>
      </c>
      <c r="O20" s="11">
        <v>650267910.47000003</v>
      </c>
      <c r="P20" s="11">
        <v>151299500</v>
      </c>
    </row>
    <row r="21" spans="1:16" x14ac:dyDescent="0.25">
      <c r="A21" s="2" t="s">
        <v>35</v>
      </c>
      <c r="B21" s="4" t="s">
        <v>578</v>
      </c>
      <c r="C21" s="13">
        <v>18948950.079999998</v>
      </c>
      <c r="D21" s="13">
        <v>22102115.379999999</v>
      </c>
      <c r="E21" s="13">
        <v>29100054.649999999</v>
      </c>
      <c r="F21" s="13">
        <v>36937688.409999996</v>
      </c>
      <c r="G21" s="13">
        <v>37716958.450000003</v>
      </c>
      <c r="H21" s="13">
        <v>41329261.140000001</v>
      </c>
      <c r="I21" s="13">
        <v>52592015.240000002</v>
      </c>
      <c r="J21" s="13">
        <v>46877192.979999997</v>
      </c>
      <c r="K21" s="13">
        <v>62812215.770000003</v>
      </c>
      <c r="L21" s="13">
        <v>62024100.310000002</v>
      </c>
      <c r="M21" s="13">
        <v>60251509.079999998</v>
      </c>
      <c r="N21" s="13">
        <v>69111040.290000007</v>
      </c>
      <c r="O21" s="13">
        <v>539803101.77999997</v>
      </c>
      <c r="P21" s="13">
        <v>75851800</v>
      </c>
    </row>
    <row r="22" spans="1:16" x14ac:dyDescent="0.25">
      <c r="A22" s="2" t="s">
        <v>37</v>
      </c>
      <c r="B22" s="4" t="s">
        <v>579</v>
      </c>
      <c r="C22" s="13">
        <v>1622168.16</v>
      </c>
      <c r="D22" s="13">
        <v>1655802.23</v>
      </c>
      <c r="E22" s="13">
        <v>11482448.539999999</v>
      </c>
      <c r="F22" s="13">
        <v>24921086.489999998</v>
      </c>
      <c r="G22" s="13">
        <v>14592107.99</v>
      </c>
      <c r="H22" s="13">
        <v>5854716.5999999996</v>
      </c>
      <c r="I22" s="13">
        <v>1838862.69</v>
      </c>
      <c r="J22" s="13">
        <v>13084387.02</v>
      </c>
      <c r="K22" s="13">
        <v>19127554.120000001</v>
      </c>
      <c r="L22" s="13">
        <v>4557886.22</v>
      </c>
      <c r="M22" s="13">
        <v>5162216.6399999997</v>
      </c>
      <c r="N22" s="13">
        <v>6565571.9900000002</v>
      </c>
      <c r="O22" s="13">
        <v>110464808.69</v>
      </c>
      <c r="P22" s="13">
        <v>75447700</v>
      </c>
    </row>
    <row r="23" spans="1:16" x14ac:dyDescent="0.25">
      <c r="A23" s="2" t="s">
        <v>39</v>
      </c>
      <c r="B23" s="4" t="s">
        <v>580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0</v>
      </c>
      <c r="J23" s="13">
        <v>0</v>
      </c>
      <c r="K23" s="13">
        <v>0</v>
      </c>
      <c r="L23" s="13">
        <v>0</v>
      </c>
      <c r="M23" s="13">
        <v>0</v>
      </c>
      <c r="N23" s="13">
        <v>0</v>
      </c>
      <c r="O23" s="13">
        <v>0</v>
      </c>
      <c r="P23" s="13">
        <v>0</v>
      </c>
    </row>
    <row r="24" spans="1:16" x14ac:dyDescent="0.25">
      <c r="A24" s="2" t="s">
        <v>41</v>
      </c>
      <c r="B24" s="4" t="s">
        <v>581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  <c r="O24" s="13">
        <v>0</v>
      </c>
      <c r="P24" s="13">
        <v>0</v>
      </c>
    </row>
    <row r="25" spans="1:16" x14ac:dyDescent="0.25">
      <c r="A25" s="2" t="s">
        <v>43</v>
      </c>
      <c r="B25" s="4" t="s">
        <v>582</v>
      </c>
      <c r="C25" s="13">
        <v>85661765.019999996</v>
      </c>
      <c r="D25" s="13">
        <v>68767707.730000004</v>
      </c>
      <c r="E25" s="13">
        <v>65501513.93</v>
      </c>
      <c r="F25" s="13">
        <v>90547412.450000003</v>
      </c>
      <c r="G25" s="13">
        <v>57484275.280000001</v>
      </c>
      <c r="H25" s="13">
        <v>48814080.979999997</v>
      </c>
      <c r="I25" s="13">
        <v>51562848.399999999</v>
      </c>
      <c r="J25" s="13">
        <v>53110076.200000003</v>
      </c>
      <c r="K25" s="13">
        <v>61674218.590000004</v>
      </c>
      <c r="L25" s="13">
        <v>165528520.06999999</v>
      </c>
      <c r="M25" s="13">
        <v>83171752.319999993</v>
      </c>
      <c r="N25" s="13">
        <v>76282168.700000003</v>
      </c>
      <c r="O25" s="13">
        <v>908106339.66999996</v>
      </c>
      <c r="P25" s="13">
        <v>726847505</v>
      </c>
    </row>
    <row r="26" spans="1:16" x14ac:dyDescent="0.25">
      <c r="A26" s="3" t="s">
        <v>45</v>
      </c>
      <c r="B26" s="5" t="s">
        <v>583</v>
      </c>
      <c r="C26" s="11">
        <v>450637588.08999997</v>
      </c>
      <c r="D26" s="11">
        <v>473875072.01999998</v>
      </c>
      <c r="E26" s="11">
        <v>524032806.13</v>
      </c>
      <c r="F26" s="11">
        <v>528529462.75</v>
      </c>
      <c r="G26" s="11">
        <v>561573383.98000002</v>
      </c>
      <c r="H26" s="11">
        <v>521298807.80000001</v>
      </c>
      <c r="I26" s="11">
        <v>541472404.88</v>
      </c>
      <c r="J26" s="11">
        <v>531062126.56</v>
      </c>
      <c r="K26" s="11">
        <v>678847935.97000003</v>
      </c>
      <c r="L26" s="11">
        <v>573286987.32000005</v>
      </c>
      <c r="M26" s="11">
        <v>505458526.44</v>
      </c>
      <c r="N26" s="11">
        <v>567470621.32000005</v>
      </c>
      <c r="O26" s="11">
        <v>6457545723.2600002</v>
      </c>
      <c r="P26" s="11">
        <v>5510126600</v>
      </c>
    </row>
    <row r="27" spans="1:16" x14ac:dyDescent="0.25">
      <c r="A27" s="2" t="s">
        <v>47</v>
      </c>
      <c r="B27" s="4" t="s">
        <v>584</v>
      </c>
      <c r="C27" s="13">
        <v>115756549.94</v>
      </c>
      <c r="D27" s="13">
        <v>128818796.88</v>
      </c>
      <c r="E27" s="13">
        <v>169184251.15000001</v>
      </c>
      <c r="F27" s="13">
        <v>175266482</v>
      </c>
      <c r="G27" s="13">
        <v>175145447.53</v>
      </c>
      <c r="H27" s="13">
        <v>240812886.21000001</v>
      </c>
      <c r="I27" s="13">
        <v>138956557.59999999</v>
      </c>
      <c r="J27" s="13">
        <v>172218803.72</v>
      </c>
      <c r="K27" s="13">
        <v>190398569.66999999</v>
      </c>
      <c r="L27" s="13">
        <v>178904155.38</v>
      </c>
      <c r="M27" s="13">
        <v>154624846.69999999</v>
      </c>
      <c r="N27" s="13">
        <v>176144649.12</v>
      </c>
      <c r="O27" s="13">
        <v>2016231995.9000001</v>
      </c>
      <c r="P27" s="13">
        <v>1323420200</v>
      </c>
    </row>
    <row r="28" spans="1:16" x14ac:dyDescent="0.25">
      <c r="A28" s="2" t="s">
        <v>49</v>
      </c>
      <c r="B28" s="4" t="s">
        <v>585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  <c r="K28" s="13">
        <v>0</v>
      </c>
      <c r="L28" s="13">
        <v>0</v>
      </c>
      <c r="M28" s="13">
        <v>0</v>
      </c>
      <c r="N28" s="13">
        <v>0</v>
      </c>
      <c r="O28" s="13">
        <v>0</v>
      </c>
      <c r="P28" s="13">
        <v>0</v>
      </c>
    </row>
    <row r="29" spans="1:16" x14ac:dyDescent="0.25">
      <c r="A29" s="2" t="s">
        <v>51</v>
      </c>
      <c r="B29" s="4" t="s">
        <v>586</v>
      </c>
      <c r="C29" s="13">
        <v>12343223.02</v>
      </c>
      <c r="D29" s="13">
        <v>12705074.34</v>
      </c>
      <c r="E29" s="13">
        <v>12171275.41</v>
      </c>
      <c r="F29" s="13">
        <v>12443345.560000001</v>
      </c>
      <c r="G29" s="13">
        <v>12022904.18</v>
      </c>
      <c r="H29" s="13">
        <v>10750422.25</v>
      </c>
      <c r="I29" s="13">
        <v>12179121.6</v>
      </c>
      <c r="J29" s="13">
        <v>12386519.9</v>
      </c>
      <c r="K29" s="13">
        <v>6585142.1299999999</v>
      </c>
      <c r="L29" s="13">
        <v>9290901</v>
      </c>
      <c r="M29" s="13">
        <v>9576659.6600000001</v>
      </c>
      <c r="N29" s="13">
        <v>7628094.1500000004</v>
      </c>
      <c r="O29" s="13">
        <v>130082683.2</v>
      </c>
      <c r="P29" s="13">
        <v>114800900</v>
      </c>
    </row>
    <row r="30" spans="1:16" x14ac:dyDescent="0.25">
      <c r="A30" s="2" t="s">
        <v>53</v>
      </c>
      <c r="B30" s="4" t="s">
        <v>587</v>
      </c>
      <c r="C30" s="13">
        <v>107860396.22</v>
      </c>
      <c r="D30" s="13">
        <v>119072335.93000001</v>
      </c>
      <c r="E30" s="13">
        <v>132401227.55</v>
      </c>
      <c r="F30" s="13">
        <v>127460971.09999999</v>
      </c>
      <c r="G30" s="13">
        <v>134574353.75</v>
      </c>
      <c r="H30" s="13">
        <v>127884899.06</v>
      </c>
      <c r="I30" s="13">
        <v>135941721.13</v>
      </c>
      <c r="J30" s="13">
        <v>128894963.18000001</v>
      </c>
      <c r="K30" s="13">
        <v>134364951.5</v>
      </c>
      <c r="L30" s="13">
        <v>123426291.22</v>
      </c>
      <c r="M30" s="13">
        <v>113342272.77</v>
      </c>
      <c r="N30" s="13">
        <v>146249114.47999999</v>
      </c>
      <c r="O30" s="13">
        <v>1531473497.8900001</v>
      </c>
      <c r="P30" s="13">
        <v>1252844900</v>
      </c>
    </row>
    <row r="31" spans="1:16" x14ac:dyDescent="0.25">
      <c r="A31" s="2" t="s">
        <v>55</v>
      </c>
      <c r="B31" s="4" t="s">
        <v>588</v>
      </c>
      <c r="C31" s="13">
        <v>214677418.91</v>
      </c>
      <c r="D31" s="13">
        <v>213278864.87</v>
      </c>
      <c r="E31" s="13">
        <v>210276052.02000001</v>
      </c>
      <c r="F31" s="13">
        <v>213358664.09</v>
      </c>
      <c r="G31" s="13">
        <v>239830678.52000001</v>
      </c>
      <c r="H31" s="13">
        <v>141850600.28</v>
      </c>
      <c r="I31" s="13">
        <v>254395004.55000001</v>
      </c>
      <c r="J31" s="13">
        <v>217561839.75999999</v>
      </c>
      <c r="K31" s="13">
        <v>347499272.67000002</v>
      </c>
      <c r="L31" s="13">
        <v>261665639.72</v>
      </c>
      <c r="M31" s="13">
        <v>227914747.31</v>
      </c>
      <c r="N31" s="13">
        <v>237448763.56999999</v>
      </c>
      <c r="O31" s="13">
        <v>2779757546.27</v>
      </c>
      <c r="P31" s="13">
        <v>2819060600</v>
      </c>
    </row>
    <row r="32" spans="1:16" x14ac:dyDescent="0.25">
      <c r="A32" s="2" t="s">
        <v>57</v>
      </c>
      <c r="B32" s="4" t="s">
        <v>589</v>
      </c>
      <c r="C32" s="13">
        <v>10543702.16</v>
      </c>
      <c r="D32" s="13">
        <v>8638404.7699999996</v>
      </c>
      <c r="E32" s="13">
        <v>11456313.140000001</v>
      </c>
      <c r="F32" s="13">
        <v>44400094.289999999</v>
      </c>
      <c r="G32" s="13">
        <v>9204928.5800000001</v>
      </c>
      <c r="H32" s="13">
        <v>17795016.690000001</v>
      </c>
      <c r="I32" s="13">
        <v>23422381.27</v>
      </c>
      <c r="J32" s="13">
        <v>11262738.359999999</v>
      </c>
      <c r="K32" s="13">
        <v>12762671.289999999</v>
      </c>
      <c r="L32" s="13">
        <v>21862213.149999999</v>
      </c>
      <c r="M32" s="13">
        <v>13099025.65</v>
      </c>
      <c r="N32" s="13">
        <v>11558212.27</v>
      </c>
      <c r="O32" s="13">
        <v>196005701.62</v>
      </c>
      <c r="P32" s="13">
        <v>104302200</v>
      </c>
    </row>
    <row r="33" spans="1:16" x14ac:dyDescent="0.25">
      <c r="A33" s="3" t="s">
        <v>59</v>
      </c>
      <c r="B33" s="5" t="s">
        <v>590</v>
      </c>
      <c r="C33" s="11">
        <v>626171105.15999997</v>
      </c>
      <c r="D33" s="11">
        <v>621002774.88999999</v>
      </c>
      <c r="E33" s="11">
        <v>652385024.53999996</v>
      </c>
      <c r="F33" s="11">
        <v>739646009.05999994</v>
      </c>
      <c r="G33" s="11">
        <v>885999086.00999999</v>
      </c>
      <c r="H33" s="11">
        <v>620258331.01999998</v>
      </c>
      <c r="I33" s="11">
        <v>698049663.24000001</v>
      </c>
      <c r="J33" s="11">
        <v>672071289.79999995</v>
      </c>
      <c r="K33" s="11">
        <v>658652117.67999995</v>
      </c>
      <c r="L33" s="11">
        <v>710033814.73000002</v>
      </c>
      <c r="M33" s="11">
        <v>666793666.05999994</v>
      </c>
      <c r="N33" s="11">
        <v>725578481.25</v>
      </c>
      <c r="O33" s="11">
        <v>8276641363.4399996</v>
      </c>
      <c r="P33" s="11">
        <v>6938323900</v>
      </c>
    </row>
    <row r="34" spans="1:16" x14ac:dyDescent="0.25">
      <c r="A34" s="2" t="s">
        <v>61</v>
      </c>
      <c r="B34" s="4" t="s">
        <v>591</v>
      </c>
      <c r="C34" s="13">
        <v>341974381.80000001</v>
      </c>
      <c r="D34" s="13">
        <v>335906886.67000002</v>
      </c>
      <c r="E34" s="13">
        <v>332860643.89999998</v>
      </c>
      <c r="F34" s="13">
        <v>359286652.52999997</v>
      </c>
      <c r="G34" s="13">
        <v>546387638.61000001</v>
      </c>
      <c r="H34" s="13">
        <v>311986600.94</v>
      </c>
      <c r="I34" s="13">
        <v>374037167.35000002</v>
      </c>
      <c r="J34" s="13">
        <v>358692055.38</v>
      </c>
      <c r="K34" s="13">
        <v>337130649.99000001</v>
      </c>
      <c r="L34" s="13">
        <v>385533281.06</v>
      </c>
      <c r="M34" s="13">
        <v>354485671.38</v>
      </c>
      <c r="N34" s="13">
        <v>392798646.07999998</v>
      </c>
      <c r="O34" s="13">
        <v>4431080275.6899996</v>
      </c>
      <c r="P34" s="13">
        <v>3938550500</v>
      </c>
    </row>
    <row r="35" spans="1:16" x14ac:dyDescent="0.25">
      <c r="A35" s="2" t="s">
        <v>63</v>
      </c>
      <c r="B35" s="4" t="s">
        <v>592</v>
      </c>
      <c r="C35" s="13">
        <v>79469363.079999998</v>
      </c>
      <c r="D35" s="13">
        <v>77101978.209999993</v>
      </c>
      <c r="E35" s="13">
        <v>105236483</v>
      </c>
      <c r="F35" s="13">
        <v>154317094.78999999</v>
      </c>
      <c r="G35" s="13">
        <v>84984567.159999996</v>
      </c>
      <c r="H35" s="13">
        <v>96327437.290000007</v>
      </c>
      <c r="I35" s="13">
        <v>97820311.670000002</v>
      </c>
      <c r="J35" s="13">
        <v>97327540.200000003</v>
      </c>
      <c r="K35" s="13">
        <v>94789572.200000003</v>
      </c>
      <c r="L35" s="13">
        <v>97583996.730000004</v>
      </c>
      <c r="M35" s="13">
        <v>91826910.060000002</v>
      </c>
      <c r="N35" s="13">
        <v>86992502.099999994</v>
      </c>
      <c r="O35" s="13">
        <v>1163777756.49</v>
      </c>
      <c r="P35" s="13">
        <v>736287100</v>
      </c>
    </row>
    <row r="36" spans="1:16" x14ac:dyDescent="0.25">
      <c r="A36" s="2" t="s">
        <v>65</v>
      </c>
      <c r="B36" s="4" t="s">
        <v>593</v>
      </c>
      <c r="C36" s="13">
        <v>73034.64</v>
      </c>
      <c r="D36" s="13">
        <v>71922.62</v>
      </c>
      <c r="E36" s="13">
        <v>80328.59</v>
      </c>
      <c r="F36" s="13">
        <v>178810.47</v>
      </c>
      <c r="G36" s="13">
        <v>90675.27</v>
      </c>
      <c r="H36" s="13">
        <v>88611.94</v>
      </c>
      <c r="I36" s="13">
        <v>4884337.96</v>
      </c>
      <c r="J36" s="13">
        <v>-4685141.2</v>
      </c>
      <c r="K36" s="13">
        <v>145247.35</v>
      </c>
      <c r="L36" s="13">
        <v>539383.69999999995</v>
      </c>
      <c r="M36" s="13">
        <v>114538.5</v>
      </c>
      <c r="N36" s="13">
        <v>1078346.29</v>
      </c>
      <c r="O36" s="13">
        <v>2660096.13</v>
      </c>
      <c r="P36" s="13">
        <v>6538400</v>
      </c>
    </row>
    <row r="37" spans="1:16" x14ac:dyDescent="0.25">
      <c r="A37" s="2" t="s">
        <v>67</v>
      </c>
      <c r="B37" s="4" t="s">
        <v>594</v>
      </c>
      <c r="C37" s="13">
        <v>0</v>
      </c>
      <c r="D37" s="13">
        <v>0</v>
      </c>
      <c r="E37" s="13">
        <v>0</v>
      </c>
      <c r="F37" s="13">
        <v>0</v>
      </c>
      <c r="G37" s="13">
        <v>585183.18000000005</v>
      </c>
      <c r="H37" s="13">
        <v>160612.01999999999</v>
      </c>
      <c r="I37" s="13">
        <v>365936.9</v>
      </c>
      <c r="J37" s="13">
        <v>-277279.38</v>
      </c>
      <c r="K37" s="13">
        <v>69667.990000000005</v>
      </c>
      <c r="L37" s="13">
        <v>87276.479999999996</v>
      </c>
      <c r="M37" s="13">
        <v>88060.13</v>
      </c>
      <c r="N37" s="13">
        <v>214908.63</v>
      </c>
      <c r="O37" s="13">
        <v>1294365.95</v>
      </c>
      <c r="P37" s="13">
        <v>899000</v>
      </c>
    </row>
    <row r="38" spans="1:16" x14ac:dyDescent="0.25">
      <c r="A38" s="2" t="s">
        <v>69</v>
      </c>
      <c r="B38" s="4" t="s">
        <v>595</v>
      </c>
      <c r="C38" s="13">
        <v>204654325.63999999</v>
      </c>
      <c r="D38" s="13">
        <v>207921987.38999999</v>
      </c>
      <c r="E38" s="13">
        <v>214207569.05000001</v>
      </c>
      <c r="F38" s="13">
        <v>225863451.27000001</v>
      </c>
      <c r="G38" s="13">
        <v>253951021.78999999</v>
      </c>
      <c r="H38" s="13">
        <v>211695068.83000001</v>
      </c>
      <c r="I38" s="13">
        <v>220941909.36000001</v>
      </c>
      <c r="J38" s="13">
        <v>221014114.80000001</v>
      </c>
      <c r="K38" s="13">
        <v>226516980.15000001</v>
      </c>
      <c r="L38" s="13">
        <v>226289876.75999999</v>
      </c>
      <c r="M38" s="13">
        <v>220278485.99000001</v>
      </c>
      <c r="N38" s="13">
        <v>244494078.15000001</v>
      </c>
      <c r="O38" s="13">
        <v>2677828869.1799998</v>
      </c>
      <c r="P38" s="13">
        <v>2256048900</v>
      </c>
    </row>
    <row r="39" spans="1:16" x14ac:dyDescent="0.25">
      <c r="A39" s="3" t="s">
        <v>71</v>
      </c>
      <c r="B39" s="5" t="s">
        <v>596</v>
      </c>
      <c r="C39" s="11">
        <v>1331326632.8900001</v>
      </c>
      <c r="D39" s="11">
        <v>1333958456.27</v>
      </c>
      <c r="E39" s="11">
        <v>1397825732.54</v>
      </c>
      <c r="F39" s="11">
        <v>1605105393.6300001</v>
      </c>
      <c r="G39" s="11">
        <v>1545081833.8099999</v>
      </c>
      <c r="H39" s="11">
        <v>1310461777.54</v>
      </c>
      <c r="I39" s="11">
        <v>1481555467.8199999</v>
      </c>
      <c r="J39" s="11">
        <v>1454938615.03</v>
      </c>
      <c r="K39" s="11">
        <v>1658730946.3800001</v>
      </c>
      <c r="L39" s="11">
        <v>1617968723.9300001</v>
      </c>
      <c r="M39" s="11">
        <v>1478641348.6500001</v>
      </c>
      <c r="N39" s="11">
        <v>1619152621.74</v>
      </c>
      <c r="O39" s="11">
        <v>17834747550.23</v>
      </c>
      <c r="P39" s="11">
        <v>15415900788.77</v>
      </c>
    </row>
    <row r="40" spans="1:16" x14ac:dyDescent="0.25">
      <c r="A40" s="2" t="s">
        <v>73</v>
      </c>
      <c r="B40" s="4" t="s">
        <v>597</v>
      </c>
      <c r="C40" s="13">
        <v>0</v>
      </c>
      <c r="D40" s="13">
        <v>0</v>
      </c>
      <c r="E40" s="13">
        <v>5643795</v>
      </c>
      <c r="F40" s="13">
        <v>690000</v>
      </c>
      <c r="G40" s="13">
        <v>0</v>
      </c>
      <c r="H40" s="13">
        <v>0</v>
      </c>
      <c r="I40" s="13">
        <v>0</v>
      </c>
      <c r="J40" s="13">
        <v>0</v>
      </c>
      <c r="K40" s="13">
        <v>0</v>
      </c>
      <c r="L40" s="13">
        <v>0</v>
      </c>
      <c r="M40" s="13">
        <v>0</v>
      </c>
      <c r="N40" s="13">
        <v>0</v>
      </c>
      <c r="O40" s="13">
        <v>6333795</v>
      </c>
      <c r="P40" s="13">
        <v>0</v>
      </c>
    </row>
    <row r="41" spans="1:16" x14ac:dyDescent="0.25">
      <c r="A41" s="3" t="s">
        <v>75</v>
      </c>
      <c r="B41" s="5" t="s">
        <v>598</v>
      </c>
      <c r="C41" s="11">
        <v>1331326632.8900001</v>
      </c>
      <c r="D41" s="11">
        <v>1333958456.27</v>
      </c>
      <c r="E41" s="11">
        <v>1392181937.54</v>
      </c>
      <c r="F41" s="11">
        <v>1604415393.6300001</v>
      </c>
      <c r="G41" s="11">
        <v>1545081833.8099999</v>
      </c>
      <c r="H41" s="11">
        <v>1310461777.54</v>
      </c>
      <c r="I41" s="11">
        <v>1481555467.8199999</v>
      </c>
      <c r="J41" s="11">
        <v>1454938615.03</v>
      </c>
      <c r="K41" s="11">
        <v>1658730946.3800001</v>
      </c>
      <c r="L41" s="11">
        <v>1617968723.9300001</v>
      </c>
      <c r="M41" s="11">
        <v>1478641348.6500001</v>
      </c>
      <c r="N41" s="11">
        <v>1619152621.74</v>
      </c>
      <c r="O41" s="11">
        <v>17828413755.23</v>
      </c>
      <c r="P41" s="11">
        <v>15415900788.77</v>
      </c>
    </row>
    <row r="42" spans="1:16" x14ac:dyDescent="0.25">
      <c r="A42" s="2" t="s">
        <v>77</v>
      </c>
      <c r="B42" s="4" t="s">
        <v>599</v>
      </c>
      <c r="C42" s="13">
        <v>0</v>
      </c>
      <c r="D42" s="13">
        <v>7970795</v>
      </c>
      <c r="E42" s="13">
        <v>-7970795</v>
      </c>
      <c r="F42" s="13">
        <v>0</v>
      </c>
      <c r="G42" s="13">
        <v>0</v>
      </c>
      <c r="H42" s="13">
        <v>0</v>
      </c>
      <c r="I42" s="13">
        <v>0</v>
      </c>
      <c r="J42" s="13">
        <v>0</v>
      </c>
      <c r="K42" s="13">
        <v>0</v>
      </c>
      <c r="L42" s="13">
        <v>0</v>
      </c>
      <c r="M42" s="13">
        <v>0</v>
      </c>
      <c r="N42" s="13">
        <v>0</v>
      </c>
      <c r="O42" s="13">
        <v>0</v>
      </c>
      <c r="P42" s="13">
        <v>0</v>
      </c>
    </row>
    <row r="43" spans="1:16" x14ac:dyDescent="0.25">
      <c r="A43" s="3" t="s">
        <v>79</v>
      </c>
      <c r="B43" s="5" t="s">
        <v>600</v>
      </c>
      <c r="C43" s="11">
        <v>1331326632.8900001</v>
      </c>
      <c r="D43" s="11">
        <v>1325987661.27</v>
      </c>
      <c r="E43" s="11">
        <v>1400152732.54</v>
      </c>
      <c r="F43" s="11">
        <v>1604415393.6300001</v>
      </c>
      <c r="G43" s="11">
        <v>1545081833.8099999</v>
      </c>
      <c r="H43" s="11">
        <v>1310461777.54</v>
      </c>
      <c r="I43" s="11">
        <v>1481555467.8199999</v>
      </c>
      <c r="J43" s="11">
        <v>1454938615.03</v>
      </c>
      <c r="K43" s="11">
        <v>1658730946.3800001</v>
      </c>
      <c r="L43" s="11">
        <v>1617968723.9300001</v>
      </c>
      <c r="M43" s="11">
        <v>1478641348.6500001</v>
      </c>
      <c r="N43" s="11">
        <v>1619152621.74</v>
      </c>
      <c r="O43" s="11">
        <v>17828413755.23</v>
      </c>
      <c r="P43" s="11">
        <v>15415900788.77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178"/>
  <sheetViews>
    <sheetView showGridLines="0" workbookViewId="0"/>
  </sheetViews>
  <sheetFormatPr defaultRowHeight="15" x14ac:dyDescent="0.25"/>
  <cols>
    <col min="1" max="1" width="3.7109375" bestFit="1" customWidth="1"/>
    <col min="2" max="2" width="55.28515625" bestFit="1" customWidth="1"/>
    <col min="3" max="6" width="19" bestFit="1" customWidth="1"/>
    <col min="7" max="7" width="5.85546875" bestFit="1" customWidth="1"/>
  </cols>
  <sheetData>
    <row r="3" spans="1:10" x14ac:dyDescent="0.25">
      <c r="A3" s="6" t="s">
        <v>0</v>
      </c>
      <c r="B3" s="7"/>
      <c r="C3" s="7"/>
      <c r="D3" s="7"/>
      <c r="E3" s="7"/>
      <c r="F3" s="7"/>
      <c r="G3" s="7"/>
    </row>
    <row r="4" spans="1:10" x14ac:dyDescent="0.25">
      <c r="A4" s="6" t="s">
        <v>1</v>
      </c>
      <c r="B4" s="7"/>
      <c r="C4" s="7"/>
      <c r="D4" s="7"/>
      <c r="E4" s="7"/>
      <c r="F4" s="7"/>
      <c r="G4" s="7"/>
    </row>
    <row r="5" spans="1:10" x14ac:dyDescent="0.25">
      <c r="A5" s="8" t="s">
        <v>601</v>
      </c>
      <c r="B5" s="7"/>
      <c r="C5" s="7"/>
      <c r="D5" s="7"/>
      <c r="E5" s="7"/>
      <c r="F5" s="7"/>
      <c r="G5" s="7"/>
    </row>
    <row r="6" spans="1:10" x14ac:dyDescent="0.25">
      <c r="A6" s="6" t="s">
        <v>3</v>
      </c>
      <c r="B6" s="7"/>
      <c r="C6" s="7"/>
      <c r="D6" s="7"/>
      <c r="E6" s="7"/>
      <c r="F6" s="7"/>
      <c r="G6" s="7"/>
    </row>
    <row r="7" spans="1:10" x14ac:dyDescent="0.25">
      <c r="A7" s="6" t="s">
        <v>4</v>
      </c>
      <c r="B7" s="7"/>
      <c r="C7" s="7"/>
      <c r="D7" s="7"/>
      <c r="E7" s="7"/>
      <c r="F7" s="7"/>
      <c r="G7" s="7"/>
    </row>
    <row r="9" spans="1:10" x14ac:dyDescent="0.25">
      <c r="A9" s="9" t="s">
        <v>602</v>
      </c>
      <c r="B9" s="7"/>
      <c r="C9" s="7"/>
      <c r="D9" s="7"/>
      <c r="E9" s="7"/>
      <c r="F9" s="7"/>
      <c r="G9" s="7"/>
    </row>
    <row r="10" spans="1:10" x14ac:dyDescent="0.25">
      <c r="A10" s="10" t="s">
        <v>6</v>
      </c>
      <c r="B10" s="10" t="s">
        <v>603</v>
      </c>
      <c r="C10" s="10" t="s">
        <v>10</v>
      </c>
      <c r="D10" s="10" t="s">
        <v>604</v>
      </c>
    </row>
    <row r="11" spans="1:10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10" x14ac:dyDescent="0.25">
      <c r="A12" s="3" t="s">
        <v>17</v>
      </c>
      <c r="B12" s="5" t="s">
        <v>605</v>
      </c>
      <c r="C12" s="11">
        <v>2580648200</v>
      </c>
      <c r="D12" s="11">
        <v>2082467928.7</v>
      </c>
      <c r="E12" s="12"/>
      <c r="F12" s="12"/>
      <c r="G12" s="12"/>
      <c r="H12" s="12"/>
      <c r="I12" s="12"/>
      <c r="J12" s="12"/>
    </row>
    <row r="13" spans="1:10" x14ac:dyDescent="0.25">
      <c r="A13" s="3" t="s">
        <v>19</v>
      </c>
      <c r="B13" s="5" t="s">
        <v>606</v>
      </c>
      <c r="C13" s="11">
        <v>644053500</v>
      </c>
      <c r="D13" s="11">
        <v>656610437.42999995</v>
      </c>
      <c r="E13" s="12"/>
      <c r="F13" s="12"/>
      <c r="G13" s="12"/>
      <c r="H13" s="12"/>
      <c r="I13" s="12"/>
      <c r="J13" s="12"/>
    </row>
    <row r="14" spans="1:10" x14ac:dyDescent="0.25">
      <c r="A14" s="2" t="s">
        <v>21</v>
      </c>
      <c r="B14" s="4" t="s">
        <v>607</v>
      </c>
      <c r="C14" s="13">
        <v>319525800</v>
      </c>
      <c r="D14" s="13">
        <v>280154625.81</v>
      </c>
      <c r="E14" s="12"/>
      <c r="F14" s="12"/>
      <c r="G14" s="12"/>
      <c r="H14" s="12"/>
      <c r="I14" s="12"/>
      <c r="J14" s="12"/>
    </row>
    <row r="15" spans="1:10" x14ac:dyDescent="0.25">
      <c r="A15" s="2" t="s">
        <v>23</v>
      </c>
      <c r="B15" s="4" t="s">
        <v>608</v>
      </c>
      <c r="C15" s="13">
        <v>246172500</v>
      </c>
      <c r="D15" s="13">
        <v>331748228.39999998</v>
      </c>
      <c r="E15" s="12"/>
      <c r="F15" s="12"/>
      <c r="G15" s="12"/>
      <c r="H15" s="12"/>
      <c r="I15" s="12"/>
      <c r="J15" s="12"/>
    </row>
    <row r="16" spans="1:10" x14ac:dyDescent="0.25">
      <c r="A16" s="2" t="s">
        <v>25</v>
      </c>
      <c r="B16" s="4" t="s">
        <v>609</v>
      </c>
      <c r="C16" s="13">
        <v>78355200</v>
      </c>
      <c r="D16" s="13">
        <v>44707583.219999999</v>
      </c>
      <c r="E16" s="12"/>
      <c r="F16" s="12"/>
      <c r="G16" s="12"/>
      <c r="H16" s="12"/>
      <c r="I16" s="12"/>
      <c r="J16" s="12"/>
    </row>
    <row r="17" spans="1:10" x14ac:dyDescent="0.25">
      <c r="A17" s="3" t="s">
        <v>27</v>
      </c>
      <c r="B17" s="5" t="s">
        <v>610</v>
      </c>
      <c r="C17" s="11">
        <v>1519441800</v>
      </c>
      <c r="D17" s="11">
        <v>1423756884.55</v>
      </c>
      <c r="E17" s="12"/>
      <c r="F17" s="12"/>
      <c r="G17" s="12"/>
      <c r="H17" s="12"/>
      <c r="I17" s="12"/>
      <c r="J17" s="12"/>
    </row>
    <row r="18" spans="1:10" x14ac:dyDescent="0.25">
      <c r="A18" s="2" t="s">
        <v>29</v>
      </c>
      <c r="B18" s="4" t="s">
        <v>607</v>
      </c>
      <c r="C18" s="13">
        <v>978376600</v>
      </c>
      <c r="D18" s="13">
        <v>1009569029.04</v>
      </c>
      <c r="E18" s="12"/>
      <c r="F18" s="12"/>
      <c r="G18" s="12"/>
      <c r="H18" s="12"/>
      <c r="I18" s="12"/>
      <c r="J18" s="12"/>
    </row>
    <row r="19" spans="1:10" x14ac:dyDescent="0.25">
      <c r="A19" s="2" t="s">
        <v>31</v>
      </c>
      <c r="B19" s="4" t="s">
        <v>608</v>
      </c>
      <c r="C19" s="13">
        <v>467957000</v>
      </c>
      <c r="D19" s="13">
        <v>355457815.56999999</v>
      </c>
      <c r="E19" s="12"/>
      <c r="F19" s="12"/>
      <c r="G19" s="12"/>
      <c r="H19" s="12"/>
      <c r="I19" s="12"/>
      <c r="J19" s="12"/>
    </row>
    <row r="20" spans="1:10" x14ac:dyDescent="0.25">
      <c r="A20" s="2" t="s">
        <v>33</v>
      </c>
      <c r="B20" s="4" t="s">
        <v>609</v>
      </c>
      <c r="C20" s="13">
        <v>73108200</v>
      </c>
      <c r="D20" s="13">
        <v>58730039.939999998</v>
      </c>
      <c r="E20" s="12"/>
      <c r="F20" s="12"/>
      <c r="G20" s="12"/>
      <c r="H20" s="12"/>
      <c r="I20" s="12"/>
      <c r="J20" s="12"/>
    </row>
    <row r="21" spans="1:10" x14ac:dyDescent="0.25">
      <c r="A21" s="3" t="s">
        <v>35</v>
      </c>
      <c r="B21" s="5" t="s">
        <v>611</v>
      </c>
      <c r="C21" s="11">
        <v>899000</v>
      </c>
      <c r="D21" s="11">
        <v>1219847.8600000001</v>
      </c>
      <c r="E21" s="12"/>
      <c r="F21" s="12"/>
      <c r="G21" s="12"/>
      <c r="H21" s="12"/>
      <c r="I21" s="12"/>
      <c r="J21" s="12"/>
    </row>
    <row r="22" spans="1:10" x14ac:dyDescent="0.25">
      <c r="A22" s="2" t="s">
        <v>37</v>
      </c>
      <c r="B22" s="4" t="s">
        <v>612</v>
      </c>
      <c r="C22" s="13">
        <v>0</v>
      </c>
      <c r="D22" s="13">
        <v>0</v>
      </c>
      <c r="E22" s="12"/>
      <c r="F22" s="12"/>
      <c r="G22" s="12"/>
      <c r="H22" s="12"/>
      <c r="I22" s="12"/>
      <c r="J22" s="12"/>
    </row>
    <row r="23" spans="1:10" x14ac:dyDescent="0.25">
      <c r="A23" s="2" t="s">
        <v>39</v>
      </c>
      <c r="B23" s="4" t="s">
        <v>613</v>
      </c>
      <c r="C23" s="13">
        <v>899000</v>
      </c>
      <c r="D23" s="13">
        <v>1219847.8600000001</v>
      </c>
      <c r="E23" s="12"/>
      <c r="F23" s="12"/>
      <c r="G23" s="12"/>
      <c r="H23" s="12"/>
      <c r="I23" s="12"/>
      <c r="J23" s="12"/>
    </row>
    <row r="24" spans="1:10" x14ac:dyDescent="0.25">
      <c r="A24" s="2" t="s">
        <v>41</v>
      </c>
      <c r="B24" s="4" t="s">
        <v>614</v>
      </c>
      <c r="C24" s="13">
        <v>0</v>
      </c>
      <c r="D24" s="13">
        <v>0</v>
      </c>
      <c r="E24" s="12"/>
      <c r="F24" s="12"/>
      <c r="G24" s="12"/>
      <c r="H24" s="12"/>
      <c r="I24" s="12"/>
      <c r="J24" s="12"/>
    </row>
    <row r="25" spans="1:10" x14ac:dyDescent="0.25">
      <c r="A25" s="2" t="s">
        <v>43</v>
      </c>
      <c r="B25" s="4" t="s">
        <v>615</v>
      </c>
      <c r="C25" s="13">
        <v>0</v>
      </c>
      <c r="D25" s="13">
        <v>0</v>
      </c>
      <c r="E25" s="12"/>
      <c r="F25" s="12"/>
      <c r="G25" s="12"/>
      <c r="H25" s="12"/>
      <c r="I25" s="12"/>
      <c r="J25" s="12"/>
    </row>
    <row r="26" spans="1:10" x14ac:dyDescent="0.25">
      <c r="A26" s="3" t="s">
        <v>45</v>
      </c>
      <c r="B26" s="5" t="s">
        <v>616</v>
      </c>
      <c r="C26" s="11">
        <v>416253900</v>
      </c>
      <c r="D26" s="11">
        <v>880758.86</v>
      </c>
      <c r="E26" s="12"/>
      <c r="F26" s="12"/>
      <c r="G26" s="12"/>
      <c r="H26" s="12"/>
      <c r="I26" s="12"/>
      <c r="J26" s="12"/>
    </row>
    <row r="27" spans="1:10" x14ac:dyDescent="0.25">
      <c r="A27" s="2" t="s">
        <v>47</v>
      </c>
      <c r="B27" s="4" t="s">
        <v>617</v>
      </c>
      <c r="C27" s="13">
        <v>6538400</v>
      </c>
      <c r="D27" s="13">
        <v>492074.49</v>
      </c>
      <c r="E27" s="12"/>
      <c r="F27" s="12"/>
      <c r="G27" s="12"/>
      <c r="H27" s="12"/>
      <c r="I27" s="12"/>
      <c r="J27" s="12"/>
    </row>
    <row r="28" spans="1:10" x14ac:dyDescent="0.25">
      <c r="A28" s="2" t="s">
        <v>49</v>
      </c>
      <c r="B28" s="4" t="s">
        <v>618</v>
      </c>
      <c r="C28" s="13">
        <v>409715500</v>
      </c>
      <c r="D28" s="13">
        <v>0</v>
      </c>
      <c r="E28" s="12"/>
      <c r="F28" s="12"/>
      <c r="G28" s="12"/>
      <c r="H28" s="12"/>
      <c r="I28" s="12"/>
      <c r="J28" s="12"/>
    </row>
    <row r="29" spans="1:10" x14ac:dyDescent="0.25">
      <c r="A29" s="2" t="s">
        <v>51</v>
      </c>
      <c r="B29" s="4" t="s">
        <v>619</v>
      </c>
      <c r="C29" s="13">
        <v>0</v>
      </c>
      <c r="D29" s="13">
        <v>388684.37</v>
      </c>
      <c r="E29" s="12"/>
      <c r="F29" s="12"/>
      <c r="G29" s="12"/>
      <c r="H29" s="12"/>
      <c r="I29" s="12"/>
      <c r="J29" s="12"/>
    </row>
    <row r="30" spans="1:10" x14ac:dyDescent="0.25">
      <c r="A30" s="3" t="s">
        <v>53</v>
      </c>
      <c r="B30" s="5" t="s">
        <v>620</v>
      </c>
      <c r="C30" s="11">
        <v>0</v>
      </c>
      <c r="D30" s="11">
        <v>0</v>
      </c>
      <c r="E30" s="12"/>
      <c r="F30" s="12"/>
      <c r="G30" s="12"/>
      <c r="H30" s="12"/>
      <c r="I30" s="12"/>
      <c r="J30" s="12"/>
    </row>
    <row r="31" spans="1:10" x14ac:dyDescent="0.25">
      <c r="A31" s="2" t="s">
        <v>55</v>
      </c>
      <c r="B31" s="4" t="s">
        <v>621</v>
      </c>
      <c r="C31" s="13">
        <v>0</v>
      </c>
      <c r="D31" s="13">
        <v>0</v>
      </c>
      <c r="E31" s="12"/>
      <c r="F31" s="12"/>
      <c r="G31" s="12"/>
      <c r="H31" s="12"/>
      <c r="I31" s="12"/>
      <c r="J31" s="12"/>
    </row>
    <row r="32" spans="1:10" x14ac:dyDescent="0.25">
      <c r="A32" s="2" t="s">
        <v>57</v>
      </c>
      <c r="B32" s="4" t="s">
        <v>622</v>
      </c>
      <c r="C32" s="13">
        <v>0</v>
      </c>
      <c r="D32" s="13">
        <v>0</v>
      </c>
      <c r="E32" s="12"/>
      <c r="F32" s="12"/>
      <c r="G32" s="12"/>
      <c r="H32" s="12"/>
      <c r="I32" s="12"/>
      <c r="J32" s="12"/>
    </row>
    <row r="33" spans="1:10" x14ac:dyDescent="0.25">
      <c r="A33" s="2" t="s">
        <v>59</v>
      </c>
      <c r="B33" s="4" t="s">
        <v>623</v>
      </c>
      <c r="C33" s="13">
        <v>0</v>
      </c>
      <c r="D33" s="13">
        <v>0</v>
      </c>
      <c r="E33" s="12"/>
      <c r="F33" s="12"/>
      <c r="G33" s="12"/>
      <c r="H33" s="12"/>
      <c r="I33" s="12"/>
      <c r="J33" s="12"/>
    </row>
    <row r="34" spans="1:10" x14ac:dyDescent="0.25">
      <c r="A34" s="2" t="s">
        <v>61</v>
      </c>
      <c r="B34" s="4" t="s">
        <v>624</v>
      </c>
      <c r="C34" s="13">
        <v>2170932700</v>
      </c>
      <c r="D34" s="13">
        <v>2082467928.7</v>
      </c>
      <c r="E34" s="12"/>
      <c r="F34" s="12"/>
      <c r="G34" s="12"/>
      <c r="H34" s="12"/>
      <c r="I34" s="12"/>
      <c r="J34" s="12"/>
    </row>
    <row r="35" spans="1:10" x14ac:dyDescent="0.25">
      <c r="C35" s="12"/>
      <c r="D35" s="12"/>
      <c r="E35" s="12"/>
      <c r="F35" s="12"/>
      <c r="G35" s="12"/>
      <c r="H35" s="12"/>
      <c r="I35" s="12"/>
      <c r="J35" s="12"/>
    </row>
    <row r="36" spans="1:10" x14ac:dyDescent="0.25">
      <c r="A36" s="10" t="s">
        <v>6</v>
      </c>
      <c r="B36" s="10" t="s">
        <v>625</v>
      </c>
      <c r="C36" s="14" t="s">
        <v>626</v>
      </c>
      <c r="D36" s="14" t="s">
        <v>627</v>
      </c>
      <c r="E36" s="14" t="s">
        <v>628</v>
      </c>
      <c r="F36" s="14" t="s">
        <v>629</v>
      </c>
      <c r="G36" s="14" t="s">
        <v>630</v>
      </c>
      <c r="H36" s="12"/>
      <c r="I36" s="12"/>
      <c r="J36" s="12"/>
    </row>
    <row r="37" spans="1:10" x14ac:dyDescent="0.25">
      <c r="A37" s="10" t="s">
        <v>7</v>
      </c>
      <c r="B37" s="10" t="s">
        <v>7</v>
      </c>
      <c r="C37" s="14" t="s">
        <v>7</v>
      </c>
      <c r="D37" s="14" t="s">
        <v>7</v>
      </c>
      <c r="E37" s="14" t="s">
        <v>7</v>
      </c>
      <c r="F37" s="14" t="s">
        <v>7</v>
      </c>
      <c r="G37" s="14" t="s">
        <v>7</v>
      </c>
      <c r="H37" s="12"/>
      <c r="I37" s="12"/>
      <c r="J37" s="12"/>
    </row>
    <row r="38" spans="1:10" x14ac:dyDescent="0.25">
      <c r="A38" s="3" t="s">
        <v>63</v>
      </c>
      <c r="B38" s="5" t="s">
        <v>631</v>
      </c>
      <c r="C38" s="11">
        <v>2563679200</v>
      </c>
      <c r="D38" s="11">
        <v>2189705291</v>
      </c>
      <c r="E38" s="11">
        <v>2167432904.0799999</v>
      </c>
      <c r="F38" s="11">
        <v>2167432904.0799999</v>
      </c>
      <c r="G38" s="11">
        <v>0</v>
      </c>
      <c r="H38" s="12"/>
      <c r="I38" s="12"/>
      <c r="J38" s="12"/>
    </row>
    <row r="39" spans="1:10" x14ac:dyDescent="0.25">
      <c r="A39" s="2" t="s">
        <v>65</v>
      </c>
      <c r="B39" s="4" t="s">
        <v>632</v>
      </c>
      <c r="C39" s="13">
        <v>2142440100</v>
      </c>
      <c r="D39" s="13">
        <v>1894731880.2</v>
      </c>
      <c r="E39" s="13">
        <v>1875986048.97</v>
      </c>
      <c r="F39" s="13">
        <v>1875986048.97</v>
      </c>
      <c r="G39" s="13">
        <v>0</v>
      </c>
      <c r="H39" s="12"/>
      <c r="I39" s="12"/>
      <c r="J39" s="12"/>
    </row>
    <row r="40" spans="1:10" x14ac:dyDescent="0.25">
      <c r="A40" s="2" t="s">
        <v>67</v>
      </c>
      <c r="B40" s="4" t="s">
        <v>633</v>
      </c>
      <c r="C40" s="13">
        <v>421239100</v>
      </c>
      <c r="D40" s="13">
        <v>294973410.80000001</v>
      </c>
      <c r="E40" s="13">
        <v>291446855.11000001</v>
      </c>
      <c r="F40" s="13">
        <v>291446855.11000001</v>
      </c>
      <c r="G40" s="13">
        <v>0</v>
      </c>
      <c r="H40" s="12"/>
      <c r="I40" s="12"/>
      <c r="J40" s="12"/>
    </row>
    <row r="41" spans="1:10" x14ac:dyDescent="0.25">
      <c r="A41" s="3" t="s">
        <v>69</v>
      </c>
      <c r="B41" s="5" t="s">
        <v>634</v>
      </c>
      <c r="C41" s="11">
        <v>16969000</v>
      </c>
      <c r="D41" s="11">
        <v>14264999.07</v>
      </c>
      <c r="E41" s="11">
        <v>14227256.640000001</v>
      </c>
      <c r="F41" s="11">
        <v>13905434.76</v>
      </c>
      <c r="G41" s="11">
        <v>0</v>
      </c>
      <c r="H41" s="12"/>
      <c r="I41" s="12"/>
      <c r="J41" s="12"/>
    </row>
    <row r="42" spans="1:10" x14ac:dyDescent="0.25">
      <c r="A42" s="2" t="s">
        <v>71</v>
      </c>
      <c r="B42" s="4" t="s">
        <v>617</v>
      </c>
      <c r="C42" s="13">
        <v>4647056.21</v>
      </c>
      <c r="D42" s="13">
        <v>4555654.6500000004</v>
      </c>
      <c r="E42" s="13">
        <v>4555654.6500000004</v>
      </c>
      <c r="F42" s="13">
        <v>4233832.7699999996</v>
      </c>
      <c r="G42" s="13">
        <v>0</v>
      </c>
      <c r="H42" s="12"/>
      <c r="I42" s="12"/>
      <c r="J42" s="12"/>
    </row>
    <row r="43" spans="1:10" x14ac:dyDescent="0.25">
      <c r="A43" s="2" t="s">
        <v>73</v>
      </c>
      <c r="B43" s="4" t="s">
        <v>635</v>
      </c>
      <c r="C43" s="13">
        <v>12321943.789999999</v>
      </c>
      <c r="D43" s="13">
        <v>9709344.4199999999</v>
      </c>
      <c r="E43" s="13">
        <v>9671601.9900000002</v>
      </c>
      <c r="F43" s="13">
        <v>9671601.9900000002</v>
      </c>
      <c r="G43" s="13">
        <v>0</v>
      </c>
      <c r="H43" s="12"/>
      <c r="I43" s="12"/>
      <c r="J43" s="12"/>
    </row>
    <row r="44" spans="1:10" x14ac:dyDescent="0.25">
      <c r="A44" s="3" t="s">
        <v>75</v>
      </c>
      <c r="B44" s="5" t="s">
        <v>636</v>
      </c>
      <c r="C44" s="11">
        <v>2580648200</v>
      </c>
      <c r="D44" s="11">
        <v>2203970290.0700002</v>
      </c>
      <c r="E44" s="11">
        <v>2181660160.7199998</v>
      </c>
      <c r="F44" s="11">
        <v>2181338338.8400002</v>
      </c>
      <c r="G44" s="11">
        <v>0</v>
      </c>
      <c r="H44" s="12"/>
      <c r="I44" s="12"/>
      <c r="J44" s="12"/>
    </row>
    <row r="45" spans="1:10" x14ac:dyDescent="0.25">
      <c r="C45" s="12"/>
      <c r="D45" s="12"/>
      <c r="E45" s="12"/>
      <c r="F45" s="12"/>
      <c r="G45" s="12"/>
      <c r="H45" s="12"/>
      <c r="I45" s="12"/>
      <c r="J45" s="12"/>
    </row>
    <row r="46" spans="1:10" x14ac:dyDescent="0.25">
      <c r="A46" s="10" t="s">
        <v>6</v>
      </c>
      <c r="B46" s="10" t="s">
        <v>637</v>
      </c>
      <c r="C46" s="14" t="s">
        <v>626</v>
      </c>
      <c r="D46" s="14" t="s">
        <v>627</v>
      </c>
      <c r="E46" s="14" t="s">
        <v>628</v>
      </c>
      <c r="F46" s="14" t="s">
        <v>629</v>
      </c>
      <c r="G46" s="14" t="s">
        <v>630</v>
      </c>
      <c r="H46" s="12"/>
      <c r="I46" s="12"/>
      <c r="J46" s="12"/>
    </row>
    <row r="47" spans="1:10" x14ac:dyDescent="0.25">
      <c r="A47" s="10" t="s">
        <v>7</v>
      </c>
      <c r="B47" s="10" t="s">
        <v>7</v>
      </c>
      <c r="C47" s="14" t="s">
        <v>7</v>
      </c>
      <c r="D47" s="14" t="s">
        <v>7</v>
      </c>
      <c r="E47" s="14" t="s">
        <v>7</v>
      </c>
      <c r="F47" s="14" t="s">
        <v>7</v>
      </c>
      <c r="G47" s="14" t="s">
        <v>7</v>
      </c>
      <c r="H47" s="12"/>
      <c r="I47" s="12"/>
      <c r="J47" s="12"/>
    </row>
    <row r="48" spans="1:10" x14ac:dyDescent="0.25">
      <c r="A48" s="2" t="s">
        <v>77</v>
      </c>
      <c r="B48" s="4" t="s">
        <v>637</v>
      </c>
      <c r="C48" s="13">
        <v>-409715500</v>
      </c>
      <c r="D48" s="13">
        <v>-121502361.37</v>
      </c>
      <c r="E48" s="13">
        <v>-99192232.019999996</v>
      </c>
      <c r="F48" s="13">
        <v>-98870410.140000001</v>
      </c>
      <c r="G48" s="13">
        <v>0</v>
      </c>
      <c r="H48" s="12"/>
      <c r="I48" s="12"/>
      <c r="J48" s="12"/>
    </row>
    <row r="49" spans="1:10" x14ac:dyDescent="0.25">
      <c r="C49" s="12"/>
      <c r="D49" s="12"/>
      <c r="E49" s="12"/>
      <c r="F49" s="12"/>
      <c r="G49" s="12"/>
      <c r="H49" s="12"/>
      <c r="I49" s="12"/>
      <c r="J49" s="12"/>
    </row>
    <row r="50" spans="1:10" x14ac:dyDescent="0.25">
      <c r="A50" s="10" t="s">
        <v>6</v>
      </c>
      <c r="B50" s="10" t="s">
        <v>638</v>
      </c>
      <c r="C50" s="14" t="s">
        <v>639</v>
      </c>
      <c r="D50" s="12"/>
      <c r="E50" s="12"/>
      <c r="F50" s="12"/>
      <c r="G50" s="12"/>
      <c r="H50" s="12"/>
      <c r="I50" s="12"/>
      <c r="J50" s="12"/>
    </row>
    <row r="51" spans="1:10" x14ac:dyDescent="0.25">
      <c r="A51" s="10" t="s">
        <v>7</v>
      </c>
      <c r="B51" s="10" t="s">
        <v>7</v>
      </c>
      <c r="C51" s="14" t="s">
        <v>7</v>
      </c>
      <c r="D51" s="12"/>
      <c r="E51" s="12"/>
      <c r="F51" s="12"/>
      <c r="G51" s="12"/>
      <c r="H51" s="12"/>
      <c r="I51" s="12"/>
      <c r="J51" s="12"/>
    </row>
    <row r="52" spans="1:10" x14ac:dyDescent="0.25">
      <c r="A52" s="2" t="s">
        <v>79</v>
      </c>
      <c r="B52" s="4" t="s">
        <v>640</v>
      </c>
      <c r="C52" s="13">
        <v>0</v>
      </c>
      <c r="D52" s="12"/>
      <c r="E52" s="12"/>
      <c r="F52" s="12"/>
      <c r="G52" s="12"/>
      <c r="H52" s="12"/>
      <c r="I52" s="12"/>
      <c r="J52" s="12"/>
    </row>
    <row r="53" spans="1:10" x14ac:dyDescent="0.25">
      <c r="C53" s="12"/>
      <c r="D53" s="12"/>
      <c r="E53" s="12"/>
      <c r="F53" s="12"/>
      <c r="G53" s="12"/>
      <c r="H53" s="12"/>
      <c r="I53" s="12"/>
      <c r="J53" s="12"/>
    </row>
    <row r="54" spans="1:10" x14ac:dyDescent="0.25">
      <c r="A54" s="10" t="s">
        <v>6</v>
      </c>
      <c r="B54" s="10" t="s">
        <v>641</v>
      </c>
      <c r="C54" s="14" t="s">
        <v>639</v>
      </c>
      <c r="D54" s="12"/>
      <c r="E54" s="12"/>
      <c r="F54" s="12"/>
      <c r="G54" s="12"/>
      <c r="H54" s="12"/>
      <c r="I54" s="12"/>
      <c r="J54" s="12"/>
    </row>
    <row r="55" spans="1:10" x14ac:dyDescent="0.25">
      <c r="A55" s="10" t="s">
        <v>7</v>
      </c>
      <c r="B55" s="10" t="s">
        <v>7</v>
      </c>
      <c r="C55" s="14" t="s">
        <v>7</v>
      </c>
      <c r="D55" s="12"/>
      <c r="E55" s="12"/>
      <c r="F55" s="12"/>
      <c r="G55" s="12"/>
      <c r="H55" s="12"/>
      <c r="I55" s="12"/>
      <c r="J55" s="12"/>
    </row>
    <row r="56" spans="1:10" x14ac:dyDescent="0.25">
      <c r="A56" s="2" t="s">
        <v>81</v>
      </c>
      <c r="B56" s="4" t="s">
        <v>640</v>
      </c>
      <c r="C56" s="13">
        <v>153967500</v>
      </c>
      <c r="D56" s="12"/>
      <c r="E56" s="12"/>
      <c r="F56" s="12"/>
      <c r="G56" s="12"/>
      <c r="H56" s="12"/>
      <c r="I56" s="12"/>
      <c r="J56" s="12"/>
    </row>
    <row r="57" spans="1:10" x14ac:dyDescent="0.25">
      <c r="C57" s="12"/>
      <c r="D57" s="12"/>
      <c r="E57" s="12"/>
      <c r="F57" s="12"/>
      <c r="G57" s="12"/>
      <c r="H57" s="12"/>
      <c r="I57" s="12"/>
      <c r="J57" s="12"/>
    </row>
    <row r="58" spans="1:10" x14ac:dyDescent="0.25">
      <c r="A58" s="10" t="s">
        <v>6</v>
      </c>
      <c r="B58" s="10" t="s">
        <v>642</v>
      </c>
      <c r="C58" s="14" t="s">
        <v>643</v>
      </c>
      <c r="D58" s="12"/>
      <c r="E58" s="12"/>
      <c r="F58" s="12"/>
      <c r="G58" s="12"/>
      <c r="H58" s="12"/>
      <c r="I58" s="12"/>
      <c r="J58" s="12"/>
    </row>
    <row r="59" spans="1:10" x14ac:dyDescent="0.25">
      <c r="A59" s="10" t="s">
        <v>7</v>
      </c>
      <c r="B59" s="10" t="s">
        <v>7</v>
      </c>
      <c r="C59" s="14" t="s">
        <v>7</v>
      </c>
      <c r="D59" s="12"/>
      <c r="E59" s="12"/>
      <c r="F59" s="12"/>
      <c r="G59" s="12"/>
      <c r="H59" s="12"/>
      <c r="I59" s="12"/>
      <c r="J59" s="12"/>
    </row>
    <row r="60" spans="1:10" x14ac:dyDescent="0.25">
      <c r="A60" s="2" t="s">
        <v>83</v>
      </c>
      <c r="B60" s="4" t="s">
        <v>644</v>
      </c>
      <c r="C60" s="13">
        <v>0</v>
      </c>
      <c r="D60" s="12"/>
      <c r="E60" s="12"/>
      <c r="F60" s="12"/>
      <c r="G60" s="12"/>
      <c r="H60" s="12"/>
      <c r="I60" s="12"/>
      <c r="J60" s="12"/>
    </row>
    <row r="61" spans="1:10" x14ac:dyDescent="0.25">
      <c r="A61" s="2" t="s">
        <v>85</v>
      </c>
      <c r="B61" s="4" t="s">
        <v>645</v>
      </c>
      <c r="C61" s="13">
        <v>0</v>
      </c>
      <c r="D61" s="12"/>
      <c r="E61" s="12"/>
      <c r="F61" s="12"/>
      <c r="G61" s="12"/>
      <c r="H61" s="12"/>
      <c r="I61" s="12"/>
      <c r="J61" s="12"/>
    </row>
    <row r="62" spans="1:10" x14ac:dyDescent="0.25">
      <c r="A62" s="2" t="s">
        <v>87</v>
      </c>
      <c r="B62" s="4" t="s">
        <v>646</v>
      </c>
      <c r="C62" s="13">
        <v>63974674.060000002</v>
      </c>
      <c r="D62" s="12"/>
      <c r="E62" s="12"/>
      <c r="F62" s="12"/>
      <c r="G62" s="12"/>
      <c r="H62" s="12"/>
      <c r="I62" s="12"/>
      <c r="J62" s="12"/>
    </row>
    <row r="63" spans="1:10" x14ac:dyDescent="0.25">
      <c r="A63" s="2" t="s">
        <v>89</v>
      </c>
      <c r="B63" s="4" t="s">
        <v>647</v>
      </c>
      <c r="C63" s="13">
        <v>31160640.23</v>
      </c>
      <c r="D63" s="12"/>
      <c r="E63" s="12"/>
      <c r="F63" s="12"/>
      <c r="G63" s="12"/>
      <c r="H63" s="12"/>
      <c r="I63" s="12"/>
      <c r="J63" s="12"/>
    </row>
    <row r="64" spans="1:10" x14ac:dyDescent="0.25">
      <c r="C64" s="12"/>
      <c r="D64" s="12"/>
      <c r="E64" s="12"/>
      <c r="F64" s="12"/>
      <c r="G64" s="12"/>
      <c r="H64" s="12"/>
      <c r="I64" s="12"/>
      <c r="J64" s="12"/>
    </row>
    <row r="65" spans="1:10" x14ac:dyDescent="0.25">
      <c r="A65" s="10" t="s">
        <v>6</v>
      </c>
      <c r="B65" s="10" t="s">
        <v>648</v>
      </c>
      <c r="C65" s="14" t="s">
        <v>649</v>
      </c>
      <c r="D65" s="12"/>
      <c r="E65" s="12"/>
      <c r="F65" s="12"/>
      <c r="G65" s="12"/>
      <c r="H65" s="12"/>
      <c r="I65" s="12"/>
      <c r="J65" s="12"/>
    </row>
    <row r="66" spans="1:10" x14ac:dyDescent="0.25">
      <c r="A66" s="10" t="s">
        <v>7</v>
      </c>
      <c r="B66" s="10" t="s">
        <v>7</v>
      </c>
      <c r="C66" s="14" t="s">
        <v>7</v>
      </c>
      <c r="D66" s="12"/>
      <c r="E66" s="12"/>
      <c r="F66" s="12"/>
      <c r="G66" s="12"/>
      <c r="H66" s="12"/>
      <c r="I66" s="12"/>
      <c r="J66" s="12"/>
    </row>
    <row r="67" spans="1:10" x14ac:dyDescent="0.25">
      <c r="A67" s="2" t="s">
        <v>91</v>
      </c>
      <c r="B67" s="4" t="s">
        <v>650</v>
      </c>
      <c r="C67" s="13">
        <v>686462.5</v>
      </c>
      <c r="D67" s="12"/>
      <c r="E67" s="12"/>
      <c r="F67" s="12"/>
      <c r="G67" s="12"/>
      <c r="H67" s="12"/>
      <c r="I67" s="12"/>
      <c r="J67" s="12"/>
    </row>
    <row r="68" spans="1:10" x14ac:dyDescent="0.25">
      <c r="A68" s="2" t="s">
        <v>93</v>
      </c>
      <c r="B68" s="4" t="s">
        <v>651</v>
      </c>
      <c r="C68" s="13">
        <v>3876361.1</v>
      </c>
      <c r="D68" s="12"/>
      <c r="E68" s="12"/>
      <c r="F68" s="12"/>
      <c r="G68" s="12"/>
      <c r="H68" s="12"/>
      <c r="I68" s="12"/>
      <c r="J68" s="12"/>
    </row>
    <row r="69" spans="1:10" x14ac:dyDescent="0.25">
      <c r="A69" s="2" t="s">
        <v>95</v>
      </c>
      <c r="B69" s="4" t="s">
        <v>652</v>
      </c>
      <c r="C69" s="13">
        <v>219251312.49000001</v>
      </c>
      <c r="D69" s="12"/>
      <c r="E69" s="12"/>
      <c r="F69" s="12"/>
      <c r="G69" s="12"/>
      <c r="H69" s="12"/>
      <c r="I69" s="12"/>
      <c r="J69" s="12"/>
    </row>
    <row r="70" spans="1:10" x14ac:dyDescent="0.25">
      <c r="C70" s="12"/>
      <c r="D70" s="12"/>
      <c r="E70" s="12"/>
      <c r="F70" s="12"/>
      <c r="G70" s="12"/>
      <c r="H70" s="12"/>
      <c r="I70" s="12"/>
      <c r="J70" s="12"/>
    </row>
    <row r="71" spans="1:10" x14ac:dyDescent="0.25">
      <c r="A71" s="10" t="s">
        <v>6</v>
      </c>
      <c r="B71" s="10" t="s">
        <v>653</v>
      </c>
      <c r="C71" s="14" t="s">
        <v>10</v>
      </c>
      <c r="D71" s="14" t="s">
        <v>604</v>
      </c>
      <c r="E71" s="12"/>
      <c r="F71" s="12"/>
      <c r="G71" s="12"/>
      <c r="H71" s="12"/>
      <c r="I71" s="12"/>
      <c r="J71" s="12"/>
    </row>
    <row r="72" spans="1:10" x14ac:dyDescent="0.25">
      <c r="A72" s="10" t="s">
        <v>7</v>
      </c>
      <c r="B72" s="10" t="s">
        <v>7</v>
      </c>
      <c r="C72" s="14" t="s">
        <v>7</v>
      </c>
      <c r="D72" s="14" t="s">
        <v>7</v>
      </c>
      <c r="E72" s="12"/>
      <c r="F72" s="12"/>
      <c r="G72" s="12"/>
      <c r="H72" s="12"/>
      <c r="I72" s="12"/>
      <c r="J72" s="12"/>
    </row>
    <row r="73" spans="1:10" x14ac:dyDescent="0.25">
      <c r="A73" s="3" t="s">
        <v>97</v>
      </c>
      <c r="B73" s="5" t="s">
        <v>654</v>
      </c>
      <c r="C73" s="11">
        <v>0</v>
      </c>
      <c r="D73" s="11">
        <v>0</v>
      </c>
      <c r="E73" s="12"/>
      <c r="F73" s="12"/>
      <c r="G73" s="12"/>
      <c r="H73" s="12"/>
      <c r="I73" s="12"/>
      <c r="J73" s="12"/>
    </row>
    <row r="74" spans="1:10" x14ac:dyDescent="0.25">
      <c r="A74" s="3" t="s">
        <v>99</v>
      </c>
      <c r="B74" s="5" t="s">
        <v>655</v>
      </c>
      <c r="C74" s="11">
        <v>0</v>
      </c>
      <c r="D74" s="11">
        <v>0</v>
      </c>
      <c r="E74" s="12"/>
      <c r="F74" s="12"/>
      <c r="G74" s="12"/>
      <c r="H74" s="12"/>
      <c r="I74" s="12"/>
      <c r="J74" s="12"/>
    </row>
    <row r="75" spans="1:10" x14ac:dyDescent="0.25">
      <c r="A75" s="2" t="s">
        <v>101</v>
      </c>
      <c r="B75" s="4" t="s">
        <v>656</v>
      </c>
      <c r="C75" s="13">
        <v>0</v>
      </c>
      <c r="D75" s="13">
        <v>0</v>
      </c>
      <c r="E75" s="12"/>
      <c r="F75" s="12"/>
      <c r="G75" s="12"/>
      <c r="H75" s="12"/>
      <c r="I75" s="12"/>
      <c r="J75" s="12"/>
    </row>
    <row r="76" spans="1:10" x14ac:dyDescent="0.25">
      <c r="A76" s="2" t="s">
        <v>103</v>
      </c>
      <c r="B76" s="4" t="s">
        <v>657</v>
      </c>
      <c r="C76" s="13">
        <v>0</v>
      </c>
      <c r="D76" s="13">
        <v>0</v>
      </c>
      <c r="E76" s="12"/>
      <c r="F76" s="12"/>
      <c r="G76" s="12"/>
      <c r="H76" s="12"/>
      <c r="I76" s="12"/>
      <c r="J76" s="12"/>
    </row>
    <row r="77" spans="1:10" x14ac:dyDescent="0.25">
      <c r="A77" s="2" t="s">
        <v>105</v>
      </c>
      <c r="B77" s="4" t="s">
        <v>658</v>
      </c>
      <c r="C77" s="13">
        <v>0</v>
      </c>
      <c r="D77" s="13">
        <v>0</v>
      </c>
      <c r="E77" s="12"/>
      <c r="F77" s="12"/>
      <c r="G77" s="12"/>
      <c r="H77" s="12"/>
      <c r="I77" s="12"/>
      <c r="J77" s="12"/>
    </row>
    <row r="78" spans="1:10" x14ac:dyDescent="0.25">
      <c r="A78" s="3" t="s">
        <v>107</v>
      </c>
      <c r="B78" s="5" t="s">
        <v>659</v>
      </c>
      <c r="C78" s="11">
        <v>0</v>
      </c>
      <c r="D78" s="11">
        <v>0</v>
      </c>
      <c r="E78" s="12"/>
      <c r="F78" s="12"/>
      <c r="G78" s="12"/>
      <c r="H78" s="12"/>
      <c r="I78" s="12"/>
      <c r="J78" s="12"/>
    </row>
    <row r="79" spans="1:10" x14ac:dyDescent="0.25">
      <c r="A79" s="2" t="s">
        <v>109</v>
      </c>
      <c r="B79" s="4" t="s">
        <v>656</v>
      </c>
      <c r="C79" s="13">
        <v>0</v>
      </c>
      <c r="D79" s="13">
        <v>0</v>
      </c>
      <c r="E79" s="12"/>
      <c r="F79" s="12"/>
      <c r="G79" s="12"/>
      <c r="H79" s="12"/>
      <c r="I79" s="12"/>
      <c r="J79" s="12"/>
    </row>
    <row r="80" spans="1:10" x14ac:dyDescent="0.25">
      <c r="A80" s="2" t="s">
        <v>111</v>
      </c>
      <c r="B80" s="4" t="s">
        <v>657</v>
      </c>
      <c r="C80" s="13">
        <v>0</v>
      </c>
      <c r="D80" s="13">
        <v>0</v>
      </c>
      <c r="E80" s="12"/>
      <c r="F80" s="12"/>
      <c r="G80" s="12"/>
      <c r="H80" s="12"/>
      <c r="I80" s="12"/>
      <c r="J80" s="12"/>
    </row>
    <row r="81" spans="1:10" x14ac:dyDescent="0.25">
      <c r="A81" s="2" t="s">
        <v>113</v>
      </c>
      <c r="B81" s="4" t="s">
        <v>658</v>
      </c>
      <c r="C81" s="13">
        <v>0</v>
      </c>
      <c r="D81" s="13">
        <v>0</v>
      </c>
      <c r="E81" s="12"/>
      <c r="F81" s="12"/>
      <c r="G81" s="12"/>
      <c r="H81" s="12"/>
      <c r="I81" s="12"/>
      <c r="J81" s="12"/>
    </row>
    <row r="82" spans="1:10" x14ac:dyDescent="0.25">
      <c r="A82" s="3" t="s">
        <v>115</v>
      </c>
      <c r="B82" s="5" t="s">
        <v>660</v>
      </c>
      <c r="C82" s="11">
        <v>0</v>
      </c>
      <c r="D82" s="11">
        <v>0</v>
      </c>
      <c r="E82" s="12"/>
      <c r="F82" s="12"/>
      <c r="G82" s="12"/>
      <c r="H82" s="12"/>
      <c r="I82" s="12"/>
      <c r="J82" s="12"/>
    </row>
    <row r="83" spans="1:10" x14ac:dyDescent="0.25">
      <c r="A83" s="2" t="s">
        <v>117</v>
      </c>
      <c r="B83" s="4" t="s">
        <v>661</v>
      </c>
      <c r="C83" s="13">
        <v>0</v>
      </c>
      <c r="D83" s="13">
        <v>0</v>
      </c>
      <c r="E83" s="12"/>
      <c r="F83" s="12"/>
      <c r="G83" s="12"/>
      <c r="H83" s="12"/>
      <c r="I83" s="12"/>
      <c r="J83" s="12"/>
    </row>
    <row r="84" spans="1:10" x14ac:dyDescent="0.25">
      <c r="A84" s="2" t="s">
        <v>119</v>
      </c>
      <c r="B84" s="4" t="s">
        <v>662</v>
      </c>
      <c r="C84" s="13">
        <v>0</v>
      </c>
      <c r="D84" s="13">
        <v>0</v>
      </c>
      <c r="E84" s="12"/>
      <c r="F84" s="12"/>
      <c r="G84" s="12"/>
      <c r="H84" s="12"/>
      <c r="I84" s="12"/>
      <c r="J84" s="12"/>
    </row>
    <row r="85" spans="1:10" x14ac:dyDescent="0.25">
      <c r="A85" s="2" t="s">
        <v>120</v>
      </c>
      <c r="B85" s="4" t="s">
        <v>663</v>
      </c>
      <c r="C85" s="13">
        <v>0</v>
      </c>
      <c r="D85" s="13">
        <v>0</v>
      </c>
      <c r="E85" s="12"/>
      <c r="F85" s="12"/>
      <c r="G85" s="12"/>
      <c r="H85" s="12"/>
      <c r="I85" s="12"/>
      <c r="J85" s="12"/>
    </row>
    <row r="86" spans="1:10" x14ac:dyDescent="0.25">
      <c r="A86" s="2" t="s">
        <v>121</v>
      </c>
      <c r="B86" s="4" t="s">
        <v>664</v>
      </c>
      <c r="C86" s="13">
        <v>0</v>
      </c>
      <c r="D86" s="13">
        <v>0</v>
      </c>
      <c r="E86" s="12"/>
      <c r="F86" s="12"/>
      <c r="G86" s="12"/>
      <c r="H86" s="12"/>
      <c r="I86" s="12"/>
      <c r="J86" s="12"/>
    </row>
    <row r="87" spans="1:10" x14ac:dyDescent="0.25">
      <c r="A87" s="3" t="s">
        <v>122</v>
      </c>
      <c r="B87" s="5" t="s">
        <v>665</v>
      </c>
      <c r="C87" s="11">
        <v>0</v>
      </c>
      <c r="D87" s="11">
        <v>0</v>
      </c>
      <c r="E87" s="12"/>
      <c r="F87" s="12"/>
      <c r="G87" s="12"/>
      <c r="H87" s="12"/>
      <c r="I87" s="12"/>
      <c r="J87" s="12"/>
    </row>
    <row r="88" spans="1:10" x14ac:dyDescent="0.25">
      <c r="A88" s="2" t="s">
        <v>123</v>
      </c>
      <c r="B88" s="4" t="s">
        <v>666</v>
      </c>
      <c r="C88" s="13">
        <v>0</v>
      </c>
      <c r="D88" s="13">
        <v>0</v>
      </c>
      <c r="E88" s="12"/>
      <c r="F88" s="12"/>
      <c r="G88" s="12"/>
      <c r="H88" s="12"/>
      <c r="I88" s="12"/>
      <c r="J88" s="12"/>
    </row>
    <row r="89" spans="1:10" x14ac:dyDescent="0.25">
      <c r="A89" s="2" t="s">
        <v>124</v>
      </c>
      <c r="B89" s="4" t="s">
        <v>308</v>
      </c>
      <c r="C89" s="13">
        <v>0</v>
      </c>
      <c r="D89" s="13">
        <v>0</v>
      </c>
      <c r="E89" s="12"/>
      <c r="F89" s="12"/>
      <c r="G89" s="12"/>
      <c r="H89" s="12"/>
      <c r="I89" s="12"/>
      <c r="J89" s="12"/>
    </row>
    <row r="90" spans="1:10" x14ac:dyDescent="0.25">
      <c r="A90" s="3" t="s">
        <v>125</v>
      </c>
      <c r="B90" s="5" t="s">
        <v>667</v>
      </c>
      <c r="C90" s="11">
        <v>0</v>
      </c>
      <c r="D90" s="11">
        <v>0</v>
      </c>
      <c r="E90" s="12"/>
      <c r="F90" s="12"/>
      <c r="G90" s="12"/>
      <c r="H90" s="12"/>
      <c r="I90" s="12"/>
      <c r="J90" s="12"/>
    </row>
    <row r="91" spans="1:10" x14ac:dyDescent="0.25">
      <c r="A91" s="2" t="s">
        <v>127</v>
      </c>
      <c r="B91" s="4" t="s">
        <v>668</v>
      </c>
      <c r="C91" s="13">
        <v>0</v>
      </c>
      <c r="D91" s="13">
        <v>0</v>
      </c>
      <c r="E91" s="12"/>
      <c r="F91" s="12"/>
      <c r="G91" s="12"/>
      <c r="H91" s="12"/>
      <c r="I91" s="12"/>
      <c r="J91" s="12"/>
    </row>
    <row r="92" spans="1:10" x14ac:dyDescent="0.25">
      <c r="A92" s="2" t="s">
        <v>129</v>
      </c>
      <c r="B92" s="4" t="s">
        <v>669</v>
      </c>
      <c r="C92" s="13">
        <v>0</v>
      </c>
      <c r="D92" s="13">
        <v>0</v>
      </c>
      <c r="E92" s="12"/>
      <c r="F92" s="12"/>
      <c r="G92" s="12"/>
      <c r="H92" s="12"/>
      <c r="I92" s="12"/>
      <c r="J92" s="12"/>
    </row>
    <row r="93" spans="1:10" x14ac:dyDescent="0.25">
      <c r="A93" s="2" t="s">
        <v>131</v>
      </c>
      <c r="B93" s="4" t="s">
        <v>670</v>
      </c>
      <c r="C93" s="13">
        <v>0</v>
      </c>
      <c r="D93" s="13">
        <v>0</v>
      </c>
      <c r="E93" s="12"/>
      <c r="F93" s="12"/>
      <c r="G93" s="12"/>
      <c r="H93" s="12"/>
      <c r="I93" s="12"/>
      <c r="J93" s="12"/>
    </row>
    <row r="94" spans="1:10" x14ac:dyDescent="0.25">
      <c r="A94" s="3" t="s">
        <v>133</v>
      </c>
      <c r="B94" s="5" t="s">
        <v>671</v>
      </c>
      <c r="C94" s="11">
        <v>0</v>
      </c>
      <c r="D94" s="11">
        <v>0</v>
      </c>
      <c r="E94" s="12"/>
      <c r="F94" s="12"/>
      <c r="G94" s="12"/>
      <c r="H94" s="12"/>
      <c r="I94" s="12"/>
      <c r="J94" s="12"/>
    </row>
    <row r="95" spans="1:10" x14ac:dyDescent="0.25">
      <c r="C95" s="12"/>
      <c r="D95" s="12"/>
      <c r="E95" s="12"/>
      <c r="F95" s="12"/>
      <c r="G95" s="12"/>
      <c r="H95" s="12"/>
      <c r="I95" s="12"/>
      <c r="J95" s="12"/>
    </row>
    <row r="96" spans="1:10" x14ac:dyDescent="0.25">
      <c r="A96" s="10" t="s">
        <v>6</v>
      </c>
      <c r="B96" s="10" t="s">
        <v>672</v>
      </c>
      <c r="C96" s="14" t="s">
        <v>626</v>
      </c>
      <c r="D96" s="14" t="s">
        <v>627</v>
      </c>
      <c r="E96" s="14" t="s">
        <v>628</v>
      </c>
      <c r="F96" s="14" t="s">
        <v>629</v>
      </c>
      <c r="G96" s="14" t="s">
        <v>630</v>
      </c>
      <c r="H96" s="12"/>
      <c r="I96" s="12"/>
      <c r="J96" s="12"/>
    </row>
    <row r="97" spans="1:10" x14ac:dyDescent="0.25">
      <c r="A97" s="10" t="s">
        <v>7</v>
      </c>
      <c r="B97" s="10" t="s">
        <v>7</v>
      </c>
      <c r="C97" s="14" t="s">
        <v>7</v>
      </c>
      <c r="D97" s="14" t="s">
        <v>7</v>
      </c>
      <c r="E97" s="14" t="s">
        <v>7</v>
      </c>
      <c r="F97" s="14" t="s">
        <v>7</v>
      </c>
      <c r="G97" s="14" t="s">
        <v>7</v>
      </c>
      <c r="H97" s="12"/>
      <c r="I97" s="12"/>
      <c r="J97" s="12"/>
    </row>
    <row r="98" spans="1:10" x14ac:dyDescent="0.25">
      <c r="A98" s="3" t="s">
        <v>135</v>
      </c>
      <c r="B98" s="5" t="s">
        <v>631</v>
      </c>
      <c r="C98" s="11">
        <v>0</v>
      </c>
      <c r="D98" s="11">
        <v>0</v>
      </c>
      <c r="E98" s="11">
        <v>0</v>
      </c>
      <c r="F98" s="11">
        <v>0</v>
      </c>
      <c r="G98" s="11">
        <v>0</v>
      </c>
      <c r="H98" s="12"/>
      <c r="I98" s="12"/>
      <c r="J98" s="12"/>
    </row>
    <row r="99" spans="1:10" x14ac:dyDescent="0.25">
      <c r="A99" s="2" t="s">
        <v>137</v>
      </c>
      <c r="B99" s="4" t="s">
        <v>673</v>
      </c>
      <c r="C99" s="13">
        <v>0</v>
      </c>
      <c r="D99" s="13">
        <v>0</v>
      </c>
      <c r="E99" s="13">
        <v>0</v>
      </c>
      <c r="F99" s="13">
        <v>0</v>
      </c>
      <c r="G99" s="13">
        <v>0</v>
      </c>
      <c r="H99" s="12"/>
      <c r="I99" s="12"/>
      <c r="J99" s="12"/>
    </row>
    <row r="100" spans="1:10" x14ac:dyDescent="0.25">
      <c r="A100" s="2" t="s">
        <v>139</v>
      </c>
      <c r="B100" s="4" t="s">
        <v>633</v>
      </c>
      <c r="C100" s="13">
        <v>0</v>
      </c>
      <c r="D100" s="13">
        <v>0</v>
      </c>
      <c r="E100" s="13">
        <v>0</v>
      </c>
      <c r="F100" s="13">
        <v>0</v>
      </c>
      <c r="G100" s="13">
        <v>0</v>
      </c>
      <c r="H100" s="12"/>
      <c r="I100" s="12"/>
      <c r="J100" s="12"/>
    </row>
    <row r="101" spans="1:10" x14ac:dyDescent="0.25">
      <c r="A101" s="3" t="s">
        <v>141</v>
      </c>
      <c r="B101" s="5" t="s">
        <v>634</v>
      </c>
      <c r="C101" s="11">
        <v>0</v>
      </c>
      <c r="D101" s="11">
        <v>0</v>
      </c>
      <c r="E101" s="11">
        <v>0</v>
      </c>
      <c r="F101" s="11">
        <v>0</v>
      </c>
      <c r="G101" s="11">
        <v>0</v>
      </c>
      <c r="H101" s="12"/>
      <c r="I101" s="12"/>
      <c r="J101" s="12"/>
    </row>
    <row r="102" spans="1:10" x14ac:dyDescent="0.25">
      <c r="A102" s="2" t="s">
        <v>143</v>
      </c>
      <c r="B102" s="4" t="s">
        <v>617</v>
      </c>
      <c r="C102" s="13">
        <v>0</v>
      </c>
      <c r="D102" s="13">
        <v>0</v>
      </c>
      <c r="E102" s="13">
        <v>0</v>
      </c>
      <c r="F102" s="13">
        <v>0</v>
      </c>
      <c r="G102" s="13">
        <v>0</v>
      </c>
      <c r="H102" s="12"/>
      <c r="I102" s="12"/>
      <c r="J102" s="12"/>
    </row>
    <row r="103" spans="1:10" x14ac:dyDescent="0.25">
      <c r="A103" s="2" t="s">
        <v>145</v>
      </c>
      <c r="B103" s="4" t="s">
        <v>635</v>
      </c>
      <c r="C103" s="13">
        <v>0</v>
      </c>
      <c r="D103" s="13">
        <v>0</v>
      </c>
      <c r="E103" s="13">
        <v>0</v>
      </c>
      <c r="F103" s="13">
        <v>0</v>
      </c>
      <c r="G103" s="13">
        <v>0</v>
      </c>
      <c r="H103" s="12"/>
      <c r="I103" s="12"/>
      <c r="J103" s="12"/>
    </row>
    <row r="104" spans="1:10" x14ac:dyDescent="0.25">
      <c r="A104" s="3" t="s">
        <v>147</v>
      </c>
      <c r="B104" s="5" t="s">
        <v>674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2"/>
      <c r="I104" s="12"/>
      <c r="J104" s="12"/>
    </row>
    <row r="105" spans="1:10" x14ac:dyDescent="0.25">
      <c r="C105" s="12"/>
      <c r="D105" s="12"/>
      <c r="E105" s="12"/>
      <c r="F105" s="12"/>
      <c r="G105" s="12"/>
      <c r="H105" s="12"/>
      <c r="I105" s="12"/>
      <c r="J105" s="12"/>
    </row>
    <row r="106" spans="1:10" x14ac:dyDescent="0.25">
      <c r="A106" s="10" t="s">
        <v>6</v>
      </c>
      <c r="B106" s="10" t="s">
        <v>675</v>
      </c>
      <c r="C106" s="14" t="s">
        <v>626</v>
      </c>
      <c r="D106" s="14" t="s">
        <v>627</v>
      </c>
      <c r="E106" s="14" t="s">
        <v>628</v>
      </c>
      <c r="F106" s="14" t="s">
        <v>629</v>
      </c>
      <c r="G106" s="14" t="s">
        <v>630</v>
      </c>
      <c r="H106" s="12"/>
      <c r="I106" s="12"/>
      <c r="J106" s="12"/>
    </row>
    <row r="107" spans="1:10" x14ac:dyDescent="0.25">
      <c r="A107" s="10" t="s">
        <v>7</v>
      </c>
      <c r="B107" s="10" t="s">
        <v>7</v>
      </c>
      <c r="C107" s="14" t="s">
        <v>7</v>
      </c>
      <c r="D107" s="14" t="s">
        <v>7</v>
      </c>
      <c r="E107" s="14" t="s">
        <v>7</v>
      </c>
      <c r="F107" s="14" t="s">
        <v>7</v>
      </c>
      <c r="G107" s="14" t="s">
        <v>7</v>
      </c>
      <c r="H107" s="12"/>
      <c r="I107" s="12"/>
      <c r="J107" s="12"/>
    </row>
    <row r="108" spans="1:10" x14ac:dyDescent="0.25">
      <c r="A108" s="2" t="s">
        <v>149</v>
      </c>
      <c r="B108" s="4" t="s">
        <v>676</v>
      </c>
      <c r="C108" s="13">
        <v>0</v>
      </c>
      <c r="D108" s="13">
        <v>0</v>
      </c>
      <c r="E108" s="13">
        <v>0</v>
      </c>
      <c r="F108" s="13">
        <v>0</v>
      </c>
      <c r="G108" s="13">
        <v>0</v>
      </c>
      <c r="H108" s="12"/>
      <c r="I108" s="12"/>
      <c r="J108" s="12"/>
    </row>
    <row r="109" spans="1:10" x14ac:dyDescent="0.25">
      <c r="C109" s="12"/>
      <c r="D109" s="12"/>
      <c r="E109" s="12"/>
      <c r="F109" s="12"/>
      <c r="G109" s="12"/>
      <c r="H109" s="12"/>
      <c r="I109" s="12"/>
      <c r="J109" s="12"/>
    </row>
    <row r="110" spans="1:10" x14ac:dyDescent="0.25">
      <c r="A110" s="10" t="s">
        <v>6</v>
      </c>
      <c r="B110" s="10" t="s">
        <v>677</v>
      </c>
      <c r="C110" s="14" t="s">
        <v>643</v>
      </c>
      <c r="D110" s="12"/>
      <c r="E110" s="12"/>
      <c r="F110" s="12"/>
      <c r="G110" s="12"/>
      <c r="H110" s="12"/>
      <c r="I110" s="12"/>
      <c r="J110" s="12"/>
    </row>
    <row r="111" spans="1:10" x14ac:dyDescent="0.25">
      <c r="A111" s="10" t="s">
        <v>7</v>
      </c>
      <c r="B111" s="10" t="s">
        <v>7</v>
      </c>
      <c r="C111" s="14" t="s">
        <v>7</v>
      </c>
      <c r="D111" s="12"/>
      <c r="E111" s="12"/>
      <c r="F111" s="12"/>
      <c r="G111" s="12"/>
      <c r="H111" s="12"/>
      <c r="I111" s="12"/>
      <c r="J111" s="12"/>
    </row>
    <row r="112" spans="1:10" x14ac:dyDescent="0.25">
      <c r="A112" s="2" t="s">
        <v>151</v>
      </c>
      <c r="B112" s="4" t="s">
        <v>678</v>
      </c>
      <c r="C112" s="13">
        <v>0</v>
      </c>
      <c r="D112" s="12"/>
      <c r="E112" s="12"/>
      <c r="F112" s="12"/>
      <c r="G112" s="12"/>
      <c r="H112" s="12"/>
      <c r="I112" s="12"/>
      <c r="J112" s="12"/>
    </row>
    <row r="113" spans="1:10" x14ac:dyDescent="0.25">
      <c r="A113" s="2" t="s">
        <v>153</v>
      </c>
      <c r="B113" s="4" t="s">
        <v>679</v>
      </c>
      <c r="C113" s="13">
        <v>0</v>
      </c>
      <c r="D113" s="12"/>
      <c r="E113" s="12"/>
      <c r="F113" s="12"/>
      <c r="G113" s="12"/>
      <c r="H113" s="12"/>
      <c r="I113" s="12"/>
      <c r="J113" s="12"/>
    </row>
    <row r="114" spans="1:10" x14ac:dyDescent="0.25">
      <c r="C114" s="12"/>
      <c r="D114" s="12"/>
      <c r="E114" s="12"/>
      <c r="F114" s="12"/>
      <c r="G114" s="12"/>
      <c r="H114" s="12"/>
      <c r="I114" s="12"/>
      <c r="J114" s="12"/>
    </row>
    <row r="115" spans="1:10" x14ac:dyDescent="0.25">
      <c r="A115" s="10" t="s">
        <v>6</v>
      </c>
      <c r="B115" s="10" t="s">
        <v>680</v>
      </c>
      <c r="C115" s="14" t="s">
        <v>649</v>
      </c>
      <c r="D115" s="12"/>
      <c r="E115" s="12"/>
      <c r="F115" s="12"/>
      <c r="G115" s="12"/>
      <c r="H115" s="12"/>
      <c r="I115" s="12"/>
      <c r="J115" s="12"/>
    </row>
    <row r="116" spans="1:10" x14ac:dyDescent="0.25">
      <c r="A116" s="10" t="s">
        <v>7</v>
      </c>
      <c r="B116" s="10" t="s">
        <v>7</v>
      </c>
      <c r="C116" s="14" t="s">
        <v>7</v>
      </c>
      <c r="D116" s="12"/>
      <c r="E116" s="12"/>
      <c r="F116" s="12"/>
      <c r="G116" s="12"/>
      <c r="H116" s="12"/>
      <c r="I116" s="12"/>
      <c r="J116" s="12"/>
    </row>
    <row r="117" spans="1:10" x14ac:dyDescent="0.25">
      <c r="A117" s="2" t="s">
        <v>154</v>
      </c>
      <c r="B117" s="4" t="s">
        <v>650</v>
      </c>
      <c r="C117" s="13">
        <v>0</v>
      </c>
      <c r="D117" s="12"/>
      <c r="E117" s="12"/>
      <c r="F117" s="12"/>
      <c r="G117" s="12"/>
      <c r="H117" s="12"/>
      <c r="I117" s="12"/>
      <c r="J117" s="12"/>
    </row>
    <row r="118" spans="1:10" x14ac:dyDescent="0.25">
      <c r="A118" s="2" t="s">
        <v>155</v>
      </c>
      <c r="B118" s="4" t="s">
        <v>651</v>
      </c>
      <c r="C118" s="13">
        <v>0</v>
      </c>
      <c r="D118" s="12"/>
      <c r="E118" s="12"/>
      <c r="F118" s="12"/>
      <c r="G118" s="12"/>
      <c r="H118" s="12"/>
      <c r="I118" s="12"/>
      <c r="J118" s="12"/>
    </row>
    <row r="119" spans="1:10" x14ac:dyDescent="0.25">
      <c r="A119" s="2" t="s">
        <v>157</v>
      </c>
      <c r="B119" s="4" t="s">
        <v>652</v>
      </c>
      <c r="C119" s="13">
        <v>0</v>
      </c>
      <c r="D119" s="12"/>
      <c r="E119" s="12"/>
      <c r="F119" s="12"/>
      <c r="G119" s="12"/>
      <c r="H119" s="12"/>
      <c r="I119" s="12"/>
      <c r="J119" s="12"/>
    </row>
    <row r="120" spans="1:10" x14ac:dyDescent="0.25">
      <c r="C120" s="12"/>
      <c r="D120" s="12"/>
      <c r="E120" s="12"/>
      <c r="F120" s="12"/>
      <c r="G120" s="12"/>
      <c r="H120" s="12"/>
      <c r="I120" s="12"/>
      <c r="J120" s="12"/>
    </row>
    <row r="121" spans="1:10" x14ac:dyDescent="0.25">
      <c r="A121" s="10" t="s">
        <v>6</v>
      </c>
      <c r="B121" s="10" t="s">
        <v>681</v>
      </c>
      <c r="C121" s="14" t="s">
        <v>10</v>
      </c>
      <c r="D121" s="14" t="s">
        <v>604</v>
      </c>
      <c r="E121" s="12"/>
      <c r="F121" s="12"/>
      <c r="G121" s="12"/>
      <c r="H121" s="12"/>
      <c r="I121" s="12"/>
      <c r="J121" s="12"/>
    </row>
    <row r="122" spans="1:10" x14ac:dyDescent="0.25">
      <c r="A122" s="10" t="s">
        <v>7</v>
      </c>
      <c r="B122" s="10" t="s">
        <v>7</v>
      </c>
      <c r="C122" s="14" t="s">
        <v>7</v>
      </c>
      <c r="D122" s="14" t="s">
        <v>7</v>
      </c>
      <c r="E122" s="12"/>
      <c r="F122" s="12"/>
      <c r="G122" s="12"/>
      <c r="H122" s="12"/>
      <c r="I122" s="12"/>
      <c r="J122" s="12"/>
    </row>
    <row r="123" spans="1:10" x14ac:dyDescent="0.25">
      <c r="A123" s="2" t="s">
        <v>159</v>
      </c>
      <c r="B123" s="4" t="s">
        <v>682</v>
      </c>
      <c r="C123" s="13">
        <v>16488500</v>
      </c>
      <c r="D123" s="13">
        <v>7560492.0599999996</v>
      </c>
      <c r="E123" s="12"/>
      <c r="F123" s="12"/>
      <c r="G123" s="12"/>
      <c r="H123" s="12"/>
      <c r="I123" s="12"/>
      <c r="J123" s="12"/>
    </row>
    <row r="124" spans="1:10" x14ac:dyDescent="0.25">
      <c r="A124" s="2" t="s">
        <v>161</v>
      </c>
      <c r="B124" s="4" t="s">
        <v>683</v>
      </c>
      <c r="C124" s="13">
        <v>16488500</v>
      </c>
      <c r="D124" s="13">
        <v>7560492.0599999996</v>
      </c>
      <c r="E124" s="12"/>
      <c r="F124" s="12"/>
      <c r="G124" s="12"/>
      <c r="H124" s="12"/>
      <c r="I124" s="12"/>
      <c r="J124" s="12"/>
    </row>
    <row r="125" spans="1:10" x14ac:dyDescent="0.25">
      <c r="C125" s="12"/>
      <c r="D125" s="12"/>
      <c r="E125" s="12"/>
      <c r="F125" s="12"/>
      <c r="G125" s="12"/>
      <c r="H125" s="12"/>
      <c r="I125" s="12"/>
      <c r="J125" s="12"/>
    </row>
    <row r="126" spans="1:10" x14ac:dyDescent="0.25">
      <c r="A126" s="10" t="s">
        <v>6</v>
      </c>
      <c r="B126" s="10" t="s">
        <v>684</v>
      </c>
      <c r="C126" s="14" t="s">
        <v>626</v>
      </c>
      <c r="D126" s="14" t="s">
        <v>627</v>
      </c>
      <c r="E126" s="14" t="s">
        <v>628</v>
      </c>
      <c r="F126" s="14" t="s">
        <v>629</v>
      </c>
      <c r="G126" s="14" t="s">
        <v>630</v>
      </c>
      <c r="H126" s="12"/>
      <c r="I126" s="12"/>
      <c r="J126" s="12"/>
    </row>
    <row r="127" spans="1:10" x14ac:dyDescent="0.25">
      <c r="A127" s="10" t="s">
        <v>7</v>
      </c>
      <c r="B127" s="10" t="s">
        <v>7</v>
      </c>
      <c r="C127" s="14" t="s">
        <v>7</v>
      </c>
      <c r="D127" s="14" t="s">
        <v>7</v>
      </c>
      <c r="E127" s="14" t="s">
        <v>7</v>
      </c>
      <c r="F127" s="14" t="s">
        <v>7</v>
      </c>
      <c r="G127" s="14" t="s">
        <v>7</v>
      </c>
      <c r="H127" s="12"/>
      <c r="I127" s="12"/>
      <c r="J127" s="12"/>
    </row>
    <row r="128" spans="1:10" x14ac:dyDescent="0.25">
      <c r="A128" s="3" t="s">
        <v>163</v>
      </c>
      <c r="B128" s="5" t="s">
        <v>685</v>
      </c>
      <c r="C128" s="11">
        <v>16390000</v>
      </c>
      <c r="D128" s="11">
        <v>8539074.6999999993</v>
      </c>
      <c r="E128" s="11">
        <v>6219338.6200000001</v>
      </c>
      <c r="F128" s="11">
        <v>6197581.6100000003</v>
      </c>
      <c r="G128" s="11">
        <v>0</v>
      </c>
      <c r="H128" s="12"/>
      <c r="I128" s="12"/>
      <c r="J128" s="12"/>
    </row>
    <row r="129" spans="1:10" x14ac:dyDescent="0.25">
      <c r="A129" s="2" t="s">
        <v>165</v>
      </c>
      <c r="B129" s="4" t="s">
        <v>686</v>
      </c>
      <c r="C129" s="13">
        <v>3862350</v>
      </c>
      <c r="D129" s="13">
        <v>3526630.51</v>
      </c>
      <c r="E129" s="13">
        <v>3483915.05</v>
      </c>
      <c r="F129" s="13">
        <v>3463351.24</v>
      </c>
      <c r="G129" s="13">
        <v>0</v>
      </c>
      <c r="H129" s="12"/>
      <c r="I129" s="12"/>
      <c r="J129" s="12"/>
    </row>
    <row r="130" spans="1:10" x14ac:dyDescent="0.25">
      <c r="A130" s="2" t="s">
        <v>178</v>
      </c>
      <c r="B130" s="4" t="s">
        <v>687</v>
      </c>
      <c r="C130" s="13">
        <v>12527650</v>
      </c>
      <c r="D130" s="13">
        <v>5012444.1900000004</v>
      </c>
      <c r="E130" s="13">
        <v>2735423.57</v>
      </c>
      <c r="F130" s="13">
        <v>2734230.37</v>
      </c>
      <c r="G130" s="13">
        <v>0</v>
      </c>
      <c r="H130" s="12"/>
      <c r="I130" s="12"/>
      <c r="J130" s="12"/>
    </row>
    <row r="131" spans="1:10" x14ac:dyDescent="0.25">
      <c r="A131" s="2" t="s">
        <v>180</v>
      </c>
      <c r="B131" s="4" t="s">
        <v>688</v>
      </c>
      <c r="C131" s="13">
        <v>98500</v>
      </c>
      <c r="D131" s="13">
        <v>97212</v>
      </c>
      <c r="E131" s="13">
        <v>67992</v>
      </c>
      <c r="F131" s="13">
        <v>67992</v>
      </c>
      <c r="G131" s="13">
        <v>0</v>
      </c>
      <c r="H131" s="12"/>
      <c r="I131" s="12"/>
      <c r="J131" s="12"/>
    </row>
    <row r="132" spans="1:10" x14ac:dyDescent="0.25">
      <c r="A132" s="3" t="s">
        <v>182</v>
      </c>
      <c r="B132" s="5" t="s">
        <v>689</v>
      </c>
      <c r="C132" s="11">
        <v>16488500</v>
      </c>
      <c r="D132" s="11">
        <v>8636286.6999999993</v>
      </c>
      <c r="E132" s="11">
        <v>6287330.6200000001</v>
      </c>
      <c r="F132" s="11">
        <v>6265573.6100000003</v>
      </c>
      <c r="G132" s="11">
        <v>0</v>
      </c>
      <c r="H132" s="12"/>
      <c r="I132" s="12"/>
      <c r="J132" s="12"/>
    </row>
    <row r="133" spans="1:10" x14ac:dyDescent="0.25">
      <c r="C133" s="12"/>
      <c r="D133" s="12"/>
      <c r="E133" s="12"/>
      <c r="F133" s="12"/>
      <c r="G133" s="12"/>
      <c r="H133" s="12"/>
      <c r="I133" s="12"/>
      <c r="J133" s="12"/>
    </row>
    <row r="134" spans="1:10" x14ac:dyDescent="0.25">
      <c r="A134" s="10" t="s">
        <v>6</v>
      </c>
      <c r="B134" s="10" t="s">
        <v>690</v>
      </c>
      <c r="C134" s="14" t="s">
        <v>626</v>
      </c>
      <c r="D134" s="14" t="s">
        <v>627</v>
      </c>
      <c r="E134" s="14" t="s">
        <v>628</v>
      </c>
      <c r="F134" s="14" t="s">
        <v>629</v>
      </c>
      <c r="G134" s="14" t="s">
        <v>630</v>
      </c>
      <c r="H134" s="12"/>
      <c r="I134" s="12"/>
      <c r="J134" s="12"/>
    </row>
    <row r="135" spans="1:10" x14ac:dyDescent="0.25">
      <c r="A135" s="10" t="s">
        <v>7</v>
      </c>
      <c r="B135" s="10" t="s">
        <v>7</v>
      </c>
      <c r="C135" s="14" t="s">
        <v>7</v>
      </c>
      <c r="D135" s="14" t="s">
        <v>7</v>
      </c>
      <c r="E135" s="14" t="s">
        <v>7</v>
      </c>
      <c r="F135" s="14" t="s">
        <v>7</v>
      </c>
      <c r="G135" s="14" t="s">
        <v>7</v>
      </c>
      <c r="H135" s="12"/>
      <c r="I135" s="12"/>
      <c r="J135" s="12"/>
    </row>
    <row r="136" spans="1:10" x14ac:dyDescent="0.25">
      <c r="A136" s="2" t="s">
        <v>184</v>
      </c>
      <c r="B136" s="4" t="s">
        <v>691</v>
      </c>
      <c r="C136" s="13">
        <v>0</v>
      </c>
      <c r="D136" s="13">
        <v>-1075794.6399999999</v>
      </c>
      <c r="E136" s="13">
        <v>1273161.44</v>
      </c>
      <c r="F136" s="13">
        <v>1294918.45</v>
      </c>
      <c r="G136" s="13">
        <v>0</v>
      </c>
      <c r="H136" s="12"/>
      <c r="I136" s="12"/>
      <c r="J136" s="12"/>
    </row>
    <row r="137" spans="1:10" x14ac:dyDescent="0.25">
      <c r="C137" s="12"/>
      <c r="D137" s="12"/>
      <c r="E137" s="12"/>
      <c r="F137" s="12"/>
      <c r="G137" s="12"/>
      <c r="H137" s="12"/>
      <c r="I137" s="12"/>
      <c r="J137" s="12"/>
    </row>
    <row r="138" spans="1:10" x14ac:dyDescent="0.25">
      <c r="A138" s="10" t="s">
        <v>6</v>
      </c>
      <c r="B138" s="10" t="s">
        <v>692</v>
      </c>
      <c r="C138" s="14" t="s">
        <v>649</v>
      </c>
      <c r="D138" s="12"/>
      <c r="E138" s="12"/>
      <c r="F138" s="12"/>
      <c r="G138" s="12"/>
      <c r="H138" s="12"/>
      <c r="I138" s="12"/>
      <c r="J138" s="12"/>
    </row>
    <row r="139" spans="1:10" x14ac:dyDescent="0.25">
      <c r="A139" s="10" t="s">
        <v>7</v>
      </c>
      <c r="B139" s="10" t="s">
        <v>7</v>
      </c>
      <c r="C139" s="14" t="s">
        <v>7</v>
      </c>
      <c r="D139" s="12"/>
      <c r="E139" s="12"/>
      <c r="F139" s="12"/>
      <c r="G139" s="12"/>
      <c r="H139" s="12"/>
      <c r="I139" s="12"/>
      <c r="J139" s="12"/>
    </row>
    <row r="140" spans="1:10" x14ac:dyDescent="0.25">
      <c r="A140" s="2" t="s">
        <v>186</v>
      </c>
      <c r="B140" s="4" t="s">
        <v>650</v>
      </c>
      <c r="C140" s="13">
        <v>1431255.44</v>
      </c>
      <c r="D140" s="12"/>
      <c r="E140" s="12"/>
      <c r="F140" s="12"/>
      <c r="G140" s="12"/>
      <c r="H140" s="12"/>
      <c r="I140" s="12"/>
      <c r="J140" s="12"/>
    </row>
    <row r="141" spans="1:10" x14ac:dyDescent="0.25">
      <c r="A141" s="2" t="s">
        <v>188</v>
      </c>
      <c r="B141" s="4" t="s">
        <v>651</v>
      </c>
      <c r="C141" s="13">
        <v>0</v>
      </c>
      <c r="D141" s="12"/>
      <c r="E141" s="12"/>
      <c r="F141" s="12"/>
      <c r="G141" s="12"/>
      <c r="H141" s="12"/>
      <c r="I141" s="12"/>
      <c r="J141" s="12"/>
    </row>
    <row r="142" spans="1:10" x14ac:dyDescent="0.25">
      <c r="A142" s="2" t="s">
        <v>190</v>
      </c>
      <c r="B142" s="4" t="s">
        <v>652</v>
      </c>
      <c r="C142" s="13">
        <v>0</v>
      </c>
      <c r="D142" s="12"/>
      <c r="E142" s="12"/>
      <c r="F142" s="12"/>
      <c r="G142" s="12"/>
      <c r="H142" s="12"/>
      <c r="I142" s="12"/>
      <c r="J142" s="12"/>
    </row>
    <row r="143" spans="1:10" x14ac:dyDescent="0.25">
      <c r="C143" s="12"/>
      <c r="D143" s="12"/>
      <c r="E143" s="12"/>
      <c r="F143" s="12"/>
      <c r="G143" s="12"/>
      <c r="H143" s="12"/>
      <c r="I143" s="12"/>
      <c r="J143" s="12"/>
    </row>
    <row r="144" spans="1:10" x14ac:dyDescent="0.25">
      <c r="A144" s="10" t="s">
        <v>6</v>
      </c>
      <c r="B144" s="10" t="s">
        <v>693</v>
      </c>
      <c r="C144" s="14" t="s">
        <v>10</v>
      </c>
      <c r="D144" s="14" t="s">
        <v>604</v>
      </c>
      <c r="E144" s="12"/>
      <c r="F144" s="12"/>
      <c r="G144" s="12"/>
      <c r="H144" s="12"/>
      <c r="I144" s="12"/>
      <c r="J144" s="12"/>
    </row>
    <row r="145" spans="1:10" x14ac:dyDescent="0.25">
      <c r="A145" s="10" t="s">
        <v>7</v>
      </c>
      <c r="B145" s="10" t="s">
        <v>7</v>
      </c>
      <c r="C145" s="14" t="s">
        <v>7</v>
      </c>
      <c r="D145" s="14" t="s">
        <v>7</v>
      </c>
      <c r="E145" s="12"/>
      <c r="F145" s="12"/>
      <c r="G145" s="12"/>
      <c r="H145" s="12"/>
      <c r="I145" s="12"/>
      <c r="J145" s="12"/>
    </row>
    <row r="146" spans="1:10" x14ac:dyDescent="0.25">
      <c r="A146" s="2" t="s">
        <v>192</v>
      </c>
      <c r="B146" s="4" t="s">
        <v>694</v>
      </c>
      <c r="C146" s="13">
        <v>0</v>
      </c>
      <c r="D146" s="13">
        <v>0</v>
      </c>
      <c r="E146" s="12"/>
      <c r="F146" s="12"/>
      <c r="G146" s="12"/>
      <c r="H146" s="12"/>
      <c r="I146" s="12"/>
      <c r="J146" s="12"/>
    </row>
    <row r="147" spans="1:10" x14ac:dyDescent="0.25">
      <c r="A147" s="2" t="s">
        <v>194</v>
      </c>
      <c r="B147" s="4" t="s">
        <v>695</v>
      </c>
      <c r="C147" s="13">
        <v>0</v>
      </c>
      <c r="D147" s="13">
        <v>0</v>
      </c>
      <c r="E147" s="12"/>
      <c r="F147" s="12"/>
      <c r="G147" s="12"/>
      <c r="H147" s="12"/>
      <c r="I147" s="12"/>
      <c r="J147" s="12"/>
    </row>
    <row r="148" spans="1:10" x14ac:dyDescent="0.25">
      <c r="A148" s="3" t="s">
        <v>196</v>
      </c>
      <c r="B148" s="5" t="s">
        <v>696</v>
      </c>
      <c r="C148" s="11">
        <v>0</v>
      </c>
      <c r="D148" s="11">
        <v>0</v>
      </c>
      <c r="E148" s="12"/>
      <c r="F148" s="12"/>
      <c r="G148" s="12"/>
      <c r="H148" s="12"/>
      <c r="I148" s="12"/>
      <c r="J148" s="12"/>
    </row>
    <row r="149" spans="1:10" x14ac:dyDescent="0.25">
      <c r="C149" s="12"/>
      <c r="D149" s="12"/>
      <c r="E149" s="12"/>
      <c r="F149" s="12"/>
      <c r="G149" s="12"/>
      <c r="H149" s="12"/>
      <c r="I149" s="12"/>
      <c r="J149" s="12"/>
    </row>
    <row r="150" spans="1:10" x14ac:dyDescent="0.25">
      <c r="A150" s="10" t="s">
        <v>6</v>
      </c>
      <c r="B150" s="10" t="s">
        <v>697</v>
      </c>
      <c r="C150" s="14" t="s">
        <v>626</v>
      </c>
      <c r="D150" s="14" t="s">
        <v>627</v>
      </c>
      <c r="E150" s="14" t="s">
        <v>628</v>
      </c>
      <c r="F150" s="14" t="s">
        <v>629</v>
      </c>
      <c r="G150" s="14" t="s">
        <v>630</v>
      </c>
      <c r="H150" s="12"/>
      <c r="I150" s="12"/>
      <c r="J150" s="12"/>
    </row>
    <row r="151" spans="1:10" x14ac:dyDescent="0.25">
      <c r="A151" s="10" t="s">
        <v>7</v>
      </c>
      <c r="B151" s="10" t="s">
        <v>7</v>
      </c>
      <c r="C151" s="14" t="s">
        <v>7</v>
      </c>
      <c r="D151" s="14" t="s">
        <v>7</v>
      </c>
      <c r="E151" s="14" t="s">
        <v>7</v>
      </c>
      <c r="F151" s="14" t="s">
        <v>7</v>
      </c>
      <c r="G151" s="14" t="s">
        <v>7</v>
      </c>
      <c r="H151" s="12"/>
      <c r="I151" s="12"/>
      <c r="J151" s="12"/>
    </row>
    <row r="152" spans="1:10" x14ac:dyDescent="0.25">
      <c r="A152" s="2" t="s">
        <v>198</v>
      </c>
      <c r="B152" s="4" t="s">
        <v>698</v>
      </c>
      <c r="C152" s="13">
        <v>581220082.47000003</v>
      </c>
      <c r="D152" s="13">
        <v>338001234.04000002</v>
      </c>
      <c r="E152" s="13">
        <v>326928391.13999999</v>
      </c>
      <c r="F152" s="13">
        <v>326928391.13999999</v>
      </c>
      <c r="G152" s="13">
        <v>0</v>
      </c>
      <c r="H152" s="12"/>
      <c r="I152" s="12"/>
      <c r="J152" s="12"/>
    </row>
    <row r="153" spans="1:10" x14ac:dyDescent="0.25">
      <c r="A153" s="2" t="s">
        <v>200</v>
      </c>
      <c r="B153" s="4" t="s">
        <v>699</v>
      </c>
      <c r="C153" s="13">
        <v>66426744.270000003</v>
      </c>
      <c r="D153" s="13">
        <v>57955775.350000001</v>
      </c>
      <c r="E153" s="13">
        <v>57042368.539999999</v>
      </c>
      <c r="F153" s="13">
        <v>57042368.539999999</v>
      </c>
      <c r="G153" s="13">
        <v>0</v>
      </c>
      <c r="H153" s="12"/>
      <c r="I153" s="12"/>
      <c r="J153" s="12"/>
    </row>
    <row r="154" spans="1:10" x14ac:dyDescent="0.25">
      <c r="A154" s="2" t="s">
        <v>202</v>
      </c>
      <c r="B154" s="4" t="s">
        <v>634</v>
      </c>
      <c r="C154" s="13">
        <v>4884829.47</v>
      </c>
      <c r="D154" s="13">
        <v>746069.09</v>
      </c>
      <c r="E154" s="13">
        <v>746069.09</v>
      </c>
      <c r="F154" s="13">
        <v>746069.09</v>
      </c>
      <c r="G154" s="13">
        <v>0</v>
      </c>
      <c r="H154" s="12"/>
      <c r="I154" s="12"/>
      <c r="J154" s="12"/>
    </row>
    <row r="155" spans="1:10" x14ac:dyDescent="0.25">
      <c r="A155" s="3" t="s">
        <v>204</v>
      </c>
      <c r="B155" s="5" t="s">
        <v>700</v>
      </c>
      <c r="C155" s="11">
        <v>652531656.21000004</v>
      </c>
      <c r="D155" s="11">
        <v>396703078.48000002</v>
      </c>
      <c r="E155" s="11">
        <v>384716828.76999998</v>
      </c>
      <c r="F155" s="11">
        <v>384716828.76999998</v>
      </c>
      <c r="G155" s="11">
        <v>0</v>
      </c>
      <c r="H155" s="12"/>
      <c r="I155" s="12"/>
      <c r="J155" s="12"/>
    </row>
    <row r="156" spans="1:10" x14ac:dyDescent="0.25">
      <c r="C156" s="12"/>
      <c r="D156" s="12"/>
      <c r="E156" s="12"/>
      <c r="F156" s="12"/>
      <c r="G156" s="12"/>
      <c r="H156" s="12"/>
      <c r="I156" s="12"/>
      <c r="J156" s="12"/>
    </row>
    <row r="157" spans="1:10" x14ac:dyDescent="0.25">
      <c r="A157" s="10" t="s">
        <v>6</v>
      </c>
      <c r="B157" s="10" t="s">
        <v>690</v>
      </c>
      <c r="C157" s="14" t="s">
        <v>626</v>
      </c>
      <c r="D157" s="14" t="s">
        <v>627</v>
      </c>
      <c r="E157" s="14" t="s">
        <v>628</v>
      </c>
      <c r="F157" s="14" t="s">
        <v>629</v>
      </c>
      <c r="G157" s="14" t="s">
        <v>630</v>
      </c>
      <c r="H157" s="12"/>
      <c r="I157" s="12"/>
      <c r="J157" s="12"/>
    </row>
    <row r="158" spans="1:10" x14ac:dyDescent="0.25">
      <c r="A158" s="10" t="s">
        <v>7</v>
      </c>
      <c r="B158" s="10" t="s">
        <v>7</v>
      </c>
      <c r="C158" s="14" t="s">
        <v>7</v>
      </c>
      <c r="D158" s="14" t="s">
        <v>7</v>
      </c>
      <c r="E158" s="14" t="s">
        <v>7</v>
      </c>
      <c r="F158" s="14" t="s">
        <v>7</v>
      </c>
      <c r="G158" s="14" t="s">
        <v>7</v>
      </c>
      <c r="H158" s="12"/>
      <c r="I158" s="12"/>
      <c r="J158" s="12"/>
    </row>
    <row r="159" spans="1:10" x14ac:dyDescent="0.25">
      <c r="A159" s="2" t="s">
        <v>206</v>
      </c>
      <c r="B159" s="4" t="s">
        <v>701</v>
      </c>
      <c r="C159" s="13">
        <v>-652531656.21000004</v>
      </c>
      <c r="D159" s="13">
        <v>-396703078.48000002</v>
      </c>
      <c r="E159" s="13">
        <v>-384716828.76999998</v>
      </c>
      <c r="F159" s="13">
        <v>-384716828.76999998</v>
      </c>
      <c r="G159" s="13">
        <v>0</v>
      </c>
      <c r="H159" s="12"/>
      <c r="I159" s="12"/>
      <c r="J159" s="12"/>
    </row>
    <row r="160" spans="1:10" x14ac:dyDescent="0.25">
      <c r="C160" s="12"/>
      <c r="D160" s="12"/>
      <c r="E160" s="12"/>
      <c r="F160" s="12"/>
      <c r="G160" s="12"/>
      <c r="H160" s="12"/>
      <c r="I160" s="12"/>
      <c r="J160" s="12"/>
    </row>
    <row r="161" spans="1:10" x14ac:dyDescent="0.25">
      <c r="A161" s="10" t="s">
        <v>6</v>
      </c>
      <c r="B161" s="10" t="s">
        <v>702</v>
      </c>
      <c r="C161" s="14" t="s">
        <v>10</v>
      </c>
      <c r="D161" s="14" t="s">
        <v>604</v>
      </c>
      <c r="E161" s="12"/>
      <c r="F161" s="12"/>
      <c r="G161" s="12"/>
      <c r="H161" s="12"/>
      <c r="I161" s="12"/>
      <c r="J161" s="12"/>
    </row>
    <row r="162" spans="1:10" x14ac:dyDescent="0.25">
      <c r="A162" s="10" t="s">
        <v>7</v>
      </c>
      <c r="B162" s="10" t="s">
        <v>7</v>
      </c>
      <c r="C162" s="14" t="s">
        <v>7</v>
      </c>
      <c r="D162" s="14" t="s">
        <v>7</v>
      </c>
      <c r="E162" s="12"/>
      <c r="F162" s="12"/>
      <c r="G162" s="12"/>
      <c r="H162" s="12"/>
      <c r="I162" s="12"/>
      <c r="J162" s="12"/>
    </row>
    <row r="163" spans="1:10" x14ac:dyDescent="0.25">
      <c r="A163" s="2" t="s">
        <v>208</v>
      </c>
      <c r="B163" s="4" t="s">
        <v>703</v>
      </c>
      <c r="C163" s="13">
        <v>39533500</v>
      </c>
      <c r="D163" s="13">
        <v>44703558.649999999</v>
      </c>
      <c r="E163" s="12"/>
      <c r="F163" s="12"/>
      <c r="G163" s="12"/>
      <c r="H163" s="12"/>
      <c r="I163" s="12"/>
      <c r="J163" s="12"/>
    </row>
    <row r="164" spans="1:10" x14ac:dyDescent="0.25">
      <c r="A164" s="2" t="s">
        <v>210</v>
      </c>
      <c r="B164" s="4" t="s">
        <v>704</v>
      </c>
      <c r="C164" s="13">
        <v>48596000</v>
      </c>
      <c r="D164" s="13">
        <v>39799698.890000001</v>
      </c>
      <c r="E164" s="12"/>
      <c r="F164" s="12"/>
      <c r="G164" s="12"/>
      <c r="H164" s="12"/>
      <c r="I164" s="12"/>
      <c r="J164" s="12"/>
    </row>
    <row r="165" spans="1:10" x14ac:dyDescent="0.25">
      <c r="A165" s="2" t="s">
        <v>212</v>
      </c>
      <c r="B165" s="4" t="s">
        <v>705</v>
      </c>
      <c r="C165" s="13">
        <v>4104100</v>
      </c>
      <c r="D165" s="13">
        <v>6539142.4400000004</v>
      </c>
      <c r="E165" s="12"/>
      <c r="F165" s="12"/>
      <c r="G165" s="12"/>
      <c r="H165" s="12"/>
      <c r="I165" s="12"/>
      <c r="J165" s="12"/>
    </row>
    <row r="166" spans="1:10" x14ac:dyDescent="0.25">
      <c r="A166" s="2" t="s">
        <v>214</v>
      </c>
      <c r="B166" s="4" t="s">
        <v>706</v>
      </c>
      <c r="C166" s="13">
        <v>0</v>
      </c>
      <c r="D166" s="13">
        <v>12507.13</v>
      </c>
      <c r="E166" s="12"/>
      <c r="F166" s="12"/>
      <c r="G166" s="12"/>
      <c r="H166" s="12"/>
      <c r="I166" s="12"/>
      <c r="J166" s="12"/>
    </row>
    <row r="167" spans="1:10" x14ac:dyDescent="0.25">
      <c r="A167" s="3" t="s">
        <v>216</v>
      </c>
      <c r="B167" s="5" t="s">
        <v>707</v>
      </c>
      <c r="C167" s="11">
        <v>92233600</v>
      </c>
      <c r="D167" s="11">
        <v>91054907.109999999</v>
      </c>
      <c r="E167" s="12"/>
      <c r="F167" s="12"/>
      <c r="G167" s="12"/>
      <c r="H167" s="12"/>
      <c r="I167" s="12"/>
      <c r="J167" s="12"/>
    </row>
    <row r="168" spans="1:10" x14ac:dyDescent="0.25">
      <c r="C168" s="12"/>
      <c r="D168" s="12"/>
      <c r="E168" s="12"/>
      <c r="F168" s="12"/>
      <c r="G168" s="12"/>
      <c r="H168" s="12"/>
      <c r="I168" s="12"/>
      <c r="J168" s="12"/>
    </row>
    <row r="169" spans="1:10" x14ac:dyDescent="0.25">
      <c r="A169" s="10" t="s">
        <v>6</v>
      </c>
      <c r="B169" s="10" t="s">
        <v>708</v>
      </c>
      <c r="C169" s="14" t="s">
        <v>626</v>
      </c>
      <c r="D169" s="14" t="s">
        <v>627</v>
      </c>
      <c r="E169" s="14" t="s">
        <v>628</v>
      </c>
      <c r="F169" s="14" t="s">
        <v>629</v>
      </c>
      <c r="G169" s="14" t="s">
        <v>630</v>
      </c>
      <c r="H169" s="12"/>
      <c r="I169" s="12"/>
      <c r="J169" s="12"/>
    </row>
    <row r="170" spans="1:10" x14ac:dyDescent="0.25">
      <c r="A170" s="10" t="s">
        <v>7</v>
      </c>
      <c r="B170" s="10" t="s">
        <v>7</v>
      </c>
      <c r="C170" s="14" t="s">
        <v>7</v>
      </c>
      <c r="D170" s="14" t="s">
        <v>7</v>
      </c>
      <c r="E170" s="14" t="s">
        <v>7</v>
      </c>
      <c r="F170" s="14" t="s">
        <v>7</v>
      </c>
      <c r="G170" s="14" t="s">
        <v>7</v>
      </c>
      <c r="H170" s="12"/>
      <c r="I170" s="12"/>
      <c r="J170" s="12"/>
    </row>
    <row r="171" spans="1:10" x14ac:dyDescent="0.25">
      <c r="A171" s="2" t="s">
        <v>217</v>
      </c>
      <c r="B171" s="4" t="s">
        <v>709</v>
      </c>
      <c r="C171" s="13">
        <v>85569500</v>
      </c>
      <c r="D171" s="13">
        <v>84509773.459999993</v>
      </c>
      <c r="E171" s="13">
        <v>84509751.75</v>
      </c>
      <c r="F171" s="13">
        <v>84509751.75</v>
      </c>
      <c r="G171" s="13">
        <v>0</v>
      </c>
      <c r="H171" s="12"/>
      <c r="I171" s="12"/>
      <c r="J171" s="12"/>
    </row>
    <row r="172" spans="1:10" x14ac:dyDescent="0.25">
      <c r="A172" s="2" t="s">
        <v>218</v>
      </c>
      <c r="B172" s="4" t="s">
        <v>699</v>
      </c>
      <c r="C172" s="13">
        <v>6664100</v>
      </c>
      <c r="D172" s="13">
        <v>6538793.7699999996</v>
      </c>
      <c r="E172" s="13">
        <v>6538791.5700000003</v>
      </c>
      <c r="F172" s="13">
        <v>6538791.5700000003</v>
      </c>
      <c r="G172" s="13">
        <v>0</v>
      </c>
      <c r="H172" s="12"/>
      <c r="I172" s="12"/>
      <c r="J172" s="12"/>
    </row>
    <row r="173" spans="1:10" x14ac:dyDescent="0.25">
      <c r="A173" s="2" t="s">
        <v>220</v>
      </c>
      <c r="B173" s="4" t="s">
        <v>710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2"/>
      <c r="I173" s="12"/>
      <c r="J173" s="12"/>
    </row>
    <row r="174" spans="1:10" x14ac:dyDescent="0.25">
      <c r="A174" s="3" t="s">
        <v>222</v>
      </c>
      <c r="B174" s="5" t="s">
        <v>711</v>
      </c>
      <c r="C174" s="11">
        <v>92233600</v>
      </c>
      <c r="D174" s="11">
        <v>91048567.230000004</v>
      </c>
      <c r="E174" s="11">
        <v>91048543.319999993</v>
      </c>
      <c r="F174" s="11">
        <v>91048543.319999993</v>
      </c>
      <c r="G174" s="11">
        <v>0</v>
      </c>
      <c r="H174" s="12"/>
      <c r="I174" s="12"/>
      <c r="J174" s="12"/>
    </row>
    <row r="175" spans="1:10" x14ac:dyDescent="0.25">
      <c r="C175" s="12"/>
      <c r="D175" s="12"/>
      <c r="E175" s="12"/>
      <c r="F175" s="12"/>
      <c r="G175" s="12"/>
      <c r="H175" s="12"/>
      <c r="I175" s="12"/>
      <c r="J175" s="12"/>
    </row>
    <row r="176" spans="1:10" x14ac:dyDescent="0.25">
      <c r="A176" s="10" t="s">
        <v>6</v>
      </c>
      <c r="B176" s="10" t="s">
        <v>690</v>
      </c>
      <c r="C176" s="14" t="s">
        <v>626</v>
      </c>
      <c r="D176" s="14" t="s">
        <v>627</v>
      </c>
      <c r="E176" s="14" t="s">
        <v>628</v>
      </c>
      <c r="F176" s="14" t="s">
        <v>629</v>
      </c>
      <c r="G176" s="14" t="s">
        <v>630</v>
      </c>
      <c r="H176" s="12"/>
      <c r="I176" s="12"/>
      <c r="J176" s="12"/>
    </row>
    <row r="177" spans="1:10" x14ac:dyDescent="0.25">
      <c r="A177" s="10" t="s">
        <v>7</v>
      </c>
      <c r="B177" s="10" t="s">
        <v>7</v>
      </c>
      <c r="C177" s="14" t="s">
        <v>7</v>
      </c>
      <c r="D177" s="14" t="s">
        <v>7</v>
      </c>
      <c r="E177" s="14" t="s">
        <v>7</v>
      </c>
      <c r="F177" s="14" t="s">
        <v>7</v>
      </c>
      <c r="G177" s="14" t="s">
        <v>7</v>
      </c>
      <c r="H177" s="12"/>
      <c r="I177" s="12"/>
      <c r="J177" s="12"/>
    </row>
    <row r="178" spans="1:10" x14ac:dyDescent="0.25">
      <c r="A178" s="2" t="s">
        <v>224</v>
      </c>
      <c r="B178" s="4" t="s">
        <v>712</v>
      </c>
      <c r="C178" s="13">
        <v>0</v>
      </c>
      <c r="D178" s="13">
        <v>6339.88</v>
      </c>
      <c r="E178" s="13">
        <v>6363.79</v>
      </c>
      <c r="F178" s="13">
        <v>6363.79</v>
      </c>
      <c r="G178" s="13">
        <v>0</v>
      </c>
      <c r="H178" s="12"/>
      <c r="I178" s="12"/>
      <c r="J178" s="12"/>
    </row>
  </sheetData>
  <mergeCells count="117">
    <mergeCell ref="E169:E170"/>
    <mergeCell ref="F169:F170"/>
    <mergeCell ref="G169:G170"/>
    <mergeCell ref="A176:A177"/>
    <mergeCell ref="B176:B177"/>
    <mergeCell ref="C176:C177"/>
    <mergeCell ref="D176:D177"/>
    <mergeCell ref="E176:E177"/>
    <mergeCell ref="F176:F177"/>
    <mergeCell ref="G176:G177"/>
    <mergeCell ref="A161:A162"/>
    <mergeCell ref="B161:B162"/>
    <mergeCell ref="C161:C162"/>
    <mergeCell ref="D161:D162"/>
    <mergeCell ref="A169:A170"/>
    <mergeCell ref="B169:B170"/>
    <mergeCell ref="C169:C170"/>
    <mergeCell ref="D169:D170"/>
    <mergeCell ref="E150:E151"/>
    <mergeCell ref="F150:F151"/>
    <mergeCell ref="G150:G151"/>
    <mergeCell ref="A157:A158"/>
    <mergeCell ref="B157:B158"/>
    <mergeCell ref="C157:C158"/>
    <mergeCell ref="D157:D158"/>
    <mergeCell ref="E157:E158"/>
    <mergeCell ref="F157:F158"/>
    <mergeCell ref="G157:G158"/>
    <mergeCell ref="D144:D145"/>
    <mergeCell ref="A150:A151"/>
    <mergeCell ref="B150:B151"/>
    <mergeCell ref="C150:C151"/>
    <mergeCell ref="D150:D151"/>
    <mergeCell ref="A138:A139"/>
    <mergeCell ref="B138:B139"/>
    <mergeCell ref="C138:C139"/>
    <mergeCell ref="A144:A145"/>
    <mergeCell ref="B144:B145"/>
    <mergeCell ref="C144:C145"/>
    <mergeCell ref="E126:E127"/>
    <mergeCell ref="F126:F127"/>
    <mergeCell ref="G126:G127"/>
    <mergeCell ref="A134:A135"/>
    <mergeCell ref="B134:B135"/>
    <mergeCell ref="C134:C135"/>
    <mergeCell ref="D134:D135"/>
    <mergeCell ref="E134:E135"/>
    <mergeCell ref="F134:F135"/>
    <mergeCell ref="G134:G135"/>
    <mergeCell ref="A121:A122"/>
    <mergeCell ref="B121:B122"/>
    <mergeCell ref="C121:C122"/>
    <mergeCell ref="D121:D122"/>
    <mergeCell ref="A126:A127"/>
    <mergeCell ref="B126:B127"/>
    <mergeCell ref="C126:C127"/>
    <mergeCell ref="D126:D127"/>
    <mergeCell ref="A110:A111"/>
    <mergeCell ref="B110:B111"/>
    <mergeCell ref="C110:C111"/>
    <mergeCell ref="A115:A116"/>
    <mergeCell ref="B115:B116"/>
    <mergeCell ref="C115:C116"/>
    <mergeCell ref="E96:E97"/>
    <mergeCell ref="F96:F97"/>
    <mergeCell ref="G96:G97"/>
    <mergeCell ref="A106:A107"/>
    <mergeCell ref="B106:B107"/>
    <mergeCell ref="C106:C107"/>
    <mergeCell ref="D106:D107"/>
    <mergeCell ref="E106:E107"/>
    <mergeCell ref="F106:F107"/>
    <mergeCell ref="G106:G107"/>
    <mergeCell ref="A71:A72"/>
    <mergeCell ref="B71:B72"/>
    <mergeCell ref="C71:C72"/>
    <mergeCell ref="D71:D72"/>
    <mergeCell ref="A96:A97"/>
    <mergeCell ref="B96:B97"/>
    <mergeCell ref="C96:C97"/>
    <mergeCell ref="D96:D97"/>
    <mergeCell ref="A58:A59"/>
    <mergeCell ref="B58:B59"/>
    <mergeCell ref="C58:C59"/>
    <mergeCell ref="A65:A66"/>
    <mergeCell ref="B65:B66"/>
    <mergeCell ref="C65:C66"/>
    <mergeCell ref="A50:A51"/>
    <mergeCell ref="B50:B51"/>
    <mergeCell ref="C50:C51"/>
    <mergeCell ref="A54:A55"/>
    <mergeCell ref="B54:B55"/>
    <mergeCell ref="C54:C55"/>
    <mergeCell ref="F36:F37"/>
    <mergeCell ref="G36:G37"/>
    <mergeCell ref="A46:A47"/>
    <mergeCell ref="B46:B47"/>
    <mergeCell ref="C46:C47"/>
    <mergeCell ref="D46:D47"/>
    <mergeCell ref="E46:E47"/>
    <mergeCell ref="F46:F47"/>
    <mergeCell ref="G46:G47"/>
    <mergeCell ref="A36:A37"/>
    <mergeCell ref="B36:B37"/>
    <mergeCell ref="C36:C37"/>
    <mergeCell ref="D36:D37"/>
    <mergeCell ref="E36:E37"/>
    <mergeCell ref="A9:G9"/>
    <mergeCell ref="A10:A11"/>
    <mergeCell ref="B10:B11"/>
    <mergeCell ref="C10:C11"/>
    <mergeCell ref="D10:D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126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6" width="20.140625" bestFit="1" customWidth="1"/>
    <col min="7" max="7" width="16" bestFit="1" customWidth="1"/>
    <col min="8" max="9" width="17.28515625" bestFit="1" customWidth="1"/>
  </cols>
  <sheetData>
    <row r="3" spans="1:10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10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10" x14ac:dyDescent="0.25">
      <c r="A5" s="8" t="s">
        <v>713</v>
      </c>
      <c r="B5" s="7"/>
      <c r="C5" s="7"/>
      <c r="D5" s="7"/>
      <c r="E5" s="7"/>
      <c r="F5" s="7"/>
      <c r="G5" s="7"/>
      <c r="H5" s="7"/>
      <c r="I5" s="7"/>
    </row>
    <row r="6" spans="1:10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10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10" x14ac:dyDescent="0.25">
      <c r="A9" s="9" t="s">
        <v>714</v>
      </c>
      <c r="B9" s="7"/>
      <c r="C9" s="7"/>
      <c r="D9" s="7"/>
      <c r="E9" s="7"/>
      <c r="F9" s="7"/>
      <c r="G9" s="7"/>
      <c r="H9" s="7"/>
      <c r="I9" s="7"/>
    </row>
    <row r="10" spans="1:10" ht="21" x14ac:dyDescent="0.25">
      <c r="A10" s="10" t="s">
        <v>6</v>
      </c>
      <c r="B10" s="10" t="s">
        <v>715</v>
      </c>
      <c r="C10" s="10" t="s">
        <v>716</v>
      </c>
      <c r="D10" s="1" t="s">
        <v>717</v>
      </c>
    </row>
    <row r="11" spans="1:10" ht="21" x14ac:dyDescent="0.25">
      <c r="A11" s="10" t="s">
        <v>7</v>
      </c>
      <c r="B11" s="10" t="s">
        <v>7</v>
      </c>
      <c r="C11" s="10" t="s">
        <v>7</v>
      </c>
      <c r="D11" s="1" t="s">
        <v>718</v>
      </c>
    </row>
    <row r="12" spans="1:10" x14ac:dyDescent="0.25">
      <c r="A12" s="3" t="s">
        <v>17</v>
      </c>
      <c r="B12" s="5" t="s">
        <v>605</v>
      </c>
      <c r="C12" s="11">
        <v>16607893888.77</v>
      </c>
      <c r="D12" s="11">
        <v>13252535301.129999</v>
      </c>
      <c r="E12" s="12"/>
      <c r="F12" s="12"/>
      <c r="G12" s="12"/>
      <c r="H12" s="12"/>
      <c r="I12" s="12"/>
      <c r="J12" s="12"/>
    </row>
    <row r="13" spans="1:10" x14ac:dyDescent="0.25">
      <c r="A13" s="3" t="s">
        <v>19</v>
      </c>
      <c r="B13" s="5" t="s">
        <v>719</v>
      </c>
      <c r="C13" s="11">
        <v>9689635283.7700005</v>
      </c>
      <c r="D13" s="11">
        <v>7122528982.0100002</v>
      </c>
      <c r="E13" s="12"/>
      <c r="F13" s="12"/>
      <c r="G13" s="12"/>
      <c r="H13" s="12"/>
      <c r="I13" s="12"/>
      <c r="J13" s="12"/>
    </row>
    <row r="14" spans="1:10" x14ac:dyDescent="0.25">
      <c r="A14" s="2" t="s">
        <v>21</v>
      </c>
      <c r="B14" s="4" t="s">
        <v>720</v>
      </c>
      <c r="C14" s="13">
        <v>7694188783.7700005</v>
      </c>
      <c r="D14" s="13">
        <v>5583696201.21</v>
      </c>
      <c r="E14" s="12"/>
      <c r="F14" s="12"/>
      <c r="G14" s="12"/>
      <c r="H14" s="12"/>
      <c r="I14" s="12"/>
      <c r="J14" s="12"/>
    </row>
    <row r="15" spans="1:10" x14ac:dyDescent="0.25">
      <c r="A15" s="2" t="s">
        <v>23</v>
      </c>
      <c r="B15" s="4" t="s">
        <v>721</v>
      </c>
      <c r="C15" s="13">
        <v>370110000</v>
      </c>
      <c r="D15" s="13">
        <v>317202288.69</v>
      </c>
      <c r="E15" s="12"/>
      <c r="F15" s="12"/>
      <c r="G15" s="12"/>
      <c r="H15" s="12"/>
      <c r="I15" s="12"/>
      <c r="J15" s="12"/>
    </row>
    <row r="16" spans="1:10" x14ac:dyDescent="0.25">
      <c r="A16" s="2" t="s">
        <v>25</v>
      </c>
      <c r="B16" s="4" t="s">
        <v>722</v>
      </c>
      <c r="C16" s="13">
        <v>236576100</v>
      </c>
      <c r="D16" s="13">
        <v>209811062.50999999</v>
      </c>
      <c r="E16" s="12"/>
      <c r="F16" s="12"/>
      <c r="G16" s="12"/>
      <c r="H16" s="12"/>
      <c r="I16" s="12"/>
      <c r="J16" s="12"/>
    </row>
    <row r="17" spans="1:10" x14ac:dyDescent="0.25">
      <c r="A17" s="2" t="s">
        <v>27</v>
      </c>
      <c r="B17" s="4" t="s">
        <v>723</v>
      </c>
      <c r="C17" s="13">
        <v>1031230000</v>
      </c>
      <c r="D17" s="13">
        <v>759955957.29999995</v>
      </c>
      <c r="E17" s="12"/>
      <c r="F17" s="12"/>
      <c r="G17" s="12"/>
      <c r="H17" s="12"/>
      <c r="I17" s="12"/>
      <c r="J17" s="12"/>
    </row>
    <row r="18" spans="1:10" x14ac:dyDescent="0.25">
      <c r="A18" s="2" t="s">
        <v>29</v>
      </c>
      <c r="B18" s="4" t="s">
        <v>724</v>
      </c>
      <c r="C18" s="13">
        <v>357530400</v>
      </c>
      <c r="D18" s="13">
        <v>251863472.30000001</v>
      </c>
      <c r="E18" s="12"/>
      <c r="F18" s="12"/>
      <c r="G18" s="12"/>
      <c r="H18" s="12"/>
      <c r="I18" s="12"/>
      <c r="J18" s="12"/>
    </row>
    <row r="19" spans="1:10" x14ac:dyDescent="0.25">
      <c r="A19" s="2" t="s">
        <v>31</v>
      </c>
      <c r="B19" s="4" t="s">
        <v>725</v>
      </c>
      <c r="C19" s="13">
        <v>736287100</v>
      </c>
      <c r="D19" s="13">
        <v>749416762.73000002</v>
      </c>
      <c r="E19" s="12"/>
      <c r="F19" s="12"/>
      <c r="G19" s="12"/>
      <c r="H19" s="12"/>
      <c r="I19" s="12"/>
      <c r="J19" s="12"/>
    </row>
    <row r="20" spans="1:10" x14ac:dyDescent="0.25">
      <c r="A20" s="3" t="s">
        <v>33</v>
      </c>
      <c r="B20" s="5" t="s">
        <v>611</v>
      </c>
      <c r="C20" s="11">
        <v>151299500</v>
      </c>
      <c r="D20" s="11">
        <v>503497596.52999997</v>
      </c>
      <c r="E20" s="12"/>
      <c r="F20" s="12"/>
      <c r="G20" s="12"/>
      <c r="H20" s="12"/>
      <c r="I20" s="12"/>
      <c r="J20" s="12"/>
    </row>
    <row r="21" spans="1:10" x14ac:dyDescent="0.25">
      <c r="A21" s="2" t="s">
        <v>35</v>
      </c>
      <c r="B21" s="4" t="s">
        <v>726</v>
      </c>
      <c r="C21" s="13">
        <v>75851800</v>
      </c>
      <c r="D21" s="13">
        <v>432714293.25999999</v>
      </c>
      <c r="E21" s="12"/>
      <c r="F21" s="12"/>
      <c r="G21" s="12"/>
      <c r="H21" s="12"/>
      <c r="I21" s="12"/>
      <c r="J21" s="12"/>
    </row>
    <row r="22" spans="1:10" x14ac:dyDescent="0.25">
      <c r="A22" s="2" t="s">
        <v>37</v>
      </c>
      <c r="B22" s="4" t="s">
        <v>614</v>
      </c>
      <c r="C22" s="13">
        <v>75447700</v>
      </c>
      <c r="D22" s="13">
        <v>70783303.269999996</v>
      </c>
      <c r="E22" s="12"/>
      <c r="F22" s="12"/>
      <c r="G22" s="12"/>
      <c r="H22" s="12"/>
      <c r="I22" s="12"/>
      <c r="J22" s="12"/>
    </row>
    <row r="23" spans="1:10" x14ac:dyDescent="0.25">
      <c r="A23" s="3" t="s">
        <v>39</v>
      </c>
      <c r="B23" s="5" t="s">
        <v>727</v>
      </c>
      <c r="C23" s="11">
        <v>5199522300</v>
      </c>
      <c r="D23" s="11">
        <v>4158496832.0599999</v>
      </c>
      <c r="E23" s="12"/>
      <c r="F23" s="12"/>
      <c r="G23" s="12"/>
      <c r="H23" s="12"/>
      <c r="I23" s="12"/>
      <c r="J23" s="12"/>
    </row>
    <row r="24" spans="1:10" x14ac:dyDescent="0.25">
      <c r="A24" s="2" t="s">
        <v>41</v>
      </c>
      <c r="B24" s="4" t="s">
        <v>728</v>
      </c>
      <c r="C24" s="13">
        <v>1058736200</v>
      </c>
      <c r="D24" s="13">
        <v>1141764732.9400001</v>
      </c>
      <c r="E24" s="12"/>
      <c r="F24" s="12"/>
      <c r="G24" s="12"/>
      <c r="H24" s="12"/>
      <c r="I24" s="12"/>
      <c r="J24" s="12"/>
    </row>
    <row r="25" spans="1:10" x14ac:dyDescent="0.25">
      <c r="A25" s="2" t="s">
        <v>43</v>
      </c>
      <c r="B25" s="4" t="s">
        <v>729</v>
      </c>
      <c r="C25" s="13">
        <v>0</v>
      </c>
      <c r="D25" s="13">
        <v>0</v>
      </c>
      <c r="E25" s="12"/>
      <c r="F25" s="12"/>
      <c r="G25" s="12"/>
      <c r="H25" s="12"/>
      <c r="I25" s="12"/>
      <c r="J25" s="12"/>
    </row>
    <row r="26" spans="1:10" x14ac:dyDescent="0.25">
      <c r="A26" s="2" t="s">
        <v>45</v>
      </c>
      <c r="B26" s="4" t="s">
        <v>730</v>
      </c>
      <c r="C26" s="13">
        <v>68880600</v>
      </c>
      <c r="D26" s="13">
        <v>48251859.090000004</v>
      </c>
      <c r="E26" s="12"/>
      <c r="F26" s="12"/>
      <c r="G26" s="12"/>
      <c r="H26" s="12"/>
      <c r="I26" s="12"/>
      <c r="J26" s="12"/>
    </row>
    <row r="27" spans="1:10" x14ac:dyDescent="0.25">
      <c r="A27" s="2" t="s">
        <v>47</v>
      </c>
      <c r="B27" s="4" t="s">
        <v>731</v>
      </c>
      <c r="C27" s="13">
        <v>1252844900</v>
      </c>
      <c r="D27" s="13">
        <v>1044678567.09</v>
      </c>
      <c r="E27" s="12"/>
      <c r="F27" s="12"/>
      <c r="G27" s="12"/>
      <c r="H27" s="12"/>
      <c r="I27" s="12"/>
      <c r="J27" s="12"/>
    </row>
    <row r="28" spans="1:10" x14ac:dyDescent="0.25">
      <c r="A28" s="2" t="s">
        <v>49</v>
      </c>
      <c r="B28" s="4" t="s">
        <v>732</v>
      </c>
      <c r="C28" s="13">
        <v>2819060600</v>
      </c>
      <c r="D28" s="13">
        <v>1923801672.9400001</v>
      </c>
      <c r="E28" s="12"/>
      <c r="F28" s="12"/>
      <c r="G28" s="12"/>
      <c r="H28" s="12"/>
      <c r="I28" s="12"/>
      <c r="J28" s="12"/>
    </row>
    <row r="29" spans="1:10" x14ac:dyDescent="0.25">
      <c r="A29" s="3" t="s">
        <v>51</v>
      </c>
      <c r="B29" s="5" t="s">
        <v>733</v>
      </c>
      <c r="C29" s="11">
        <v>831149705</v>
      </c>
      <c r="D29" s="11">
        <v>718595127.79999995</v>
      </c>
      <c r="E29" s="12"/>
      <c r="F29" s="12"/>
      <c r="G29" s="12"/>
      <c r="H29" s="12"/>
      <c r="I29" s="12"/>
      <c r="J29" s="12"/>
    </row>
    <row r="30" spans="1:10" x14ac:dyDescent="0.25">
      <c r="A30" s="2" t="s">
        <v>53</v>
      </c>
      <c r="B30" s="4" t="s">
        <v>734</v>
      </c>
      <c r="C30" s="13">
        <v>120600</v>
      </c>
      <c r="D30" s="13">
        <v>17548876.309999999</v>
      </c>
      <c r="E30" s="12"/>
      <c r="F30" s="12"/>
      <c r="G30" s="12"/>
      <c r="H30" s="12"/>
      <c r="I30" s="12"/>
      <c r="J30" s="12"/>
    </row>
    <row r="31" spans="1:10" x14ac:dyDescent="0.25">
      <c r="A31" s="2" t="s">
        <v>55</v>
      </c>
      <c r="B31" s="4" t="s">
        <v>735</v>
      </c>
      <c r="C31" s="13">
        <v>831029105</v>
      </c>
      <c r="D31" s="13">
        <v>701046251.49000001</v>
      </c>
      <c r="E31" s="12"/>
      <c r="F31" s="12"/>
      <c r="G31" s="12"/>
      <c r="H31" s="12"/>
      <c r="I31" s="12"/>
      <c r="J31" s="12"/>
    </row>
    <row r="32" spans="1:10" x14ac:dyDescent="0.25">
      <c r="A32" s="2" t="s">
        <v>57</v>
      </c>
      <c r="B32" s="4" t="s">
        <v>736</v>
      </c>
      <c r="C32" s="13">
        <v>16531921488.77</v>
      </c>
      <c r="D32" s="13">
        <v>12802272131.559999</v>
      </c>
      <c r="E32" s="12"/>
      <c r="F32" s="12"/>
      <c r="G32" s="12"/>
      <c r="H32" s="12"/>
      <c r="I32" s="12"/>
      <c r="J32" s="12"/>
    </row>
    <row r="33" spans="1:10" x14ac:dyDescent="0.25">
      <c r="A33" s="3" t="s">
        <v>59</v>
      </c>
      <c r="B33" s="5" t="s">
        <v>737</v>
      </c>
      <c r="C33" s="11">
        <v>725501122</v>
      </c>
      <c r="D33" s="11">
        <v>219807228.44</v>
      </c>
      <c r="E33" s="12"/>
      <c r="F33" s="12"/>
      <c r="G33" s="12"/>
      <c r="H33" s="12"/>
      <c r="I33" s="12"/>
      <c r="J33" s="12"/>
    </row>
    <row r="34" spans="1:10" x14ac:dyDescent="0.25">
      <c r="A34" s="2" t="s">
        <v>61</v>
      </c>
      <c r="B34" s="4" t="s">
        <v>738</v>
      </c>
      <c r="C34" s="13">
        <v>279113816</v>
      </c>
      <c r="D34" s="13">
        <v>63917280.659999996</v>
      </c>
      <c r="E34" s="12"/>
      <c r="F34" s="12"/>
      <c r="G34" s="12"/>
      <c r="H34" s="12"/>
      <c r="I34" s="12"/>
      <c r="J34" s="12"/>
    </row>
    <row r="35" spans="1:10" x14ac:dyDescent="0.25">
      <c r="A35" s="2" t="s">
        <v>63</v>
      </c>
      <c r="B35" s="4" t="s">
        <v>739</v>
      </c>
      <c r="C35" s="13">
        <v>9574200</v>
      </c>
      <c r="D35" s="13">
        <v>8637426.1600000001</v>
      </c>
      <c r="E35" s="12"/>
      <c r="F35" s="12"/>
      <c r="G35" s="12"/>
      <c r="H35" s="12"/>
      <c r="I35" s="12"/>
      <c r="J35" s="12"/>
    </row>
    <row r="36" spans="1:10" x14ac:dyDescent="0.25">
      <c r="A36" s="3" t="s">
        <v>65</v>
      </c>
      <c r="B36" s="5" t="s">
        <v>740</v>
      </c>
      <c r="C36" s="11">
        <v>5718800</v>
      </c>
      <c r="D36" s="11">
        <v>3570771.94</v>
      </c>
      <c r="E36" s="12"/>
      <c r="F36" s="12"/>
      <c r="G36" s="12"/>
      <c r="H36" s="12"/>
      <c r="I36" s="12"/>
      <c r="J36" s="12"/>
    </row>
    <row r="37" spans="1:10" x14ac:dyDescent="0.25">
      <c r="A37" s="2" t="s">
        <v>67</v>
      </c>
      <c r="B37" s="4" t="s">
        <v>741</v>
      </c>
      <c r="C37" s="13">
        <v>0</v>
      </c>
      <c r="D37" s="13">
        <v>0</v>
      </c>
      <c r="E37" s="12"/>
      <c r="F37" s="12"/>
      <c r="G37" s="12"/>
      <c r="H37" s="12"/>
      <c r="I37" s="12"/>
      <c r="J37" s="12"/>
    </row>
    <row r="38" spans="1:10" x14ac:dyDescent="0.25">
      <c r="A38" s="2" t="s">
        <v>69</v>
      </c>
      <c r="B38" s="4" t="s">
        <v>742</v>
      </c>
      <c r="C38" s="13">
        <v>0</v>
      </c>
      <c r="D38" s="13">
        <v>0</v>
      </c>
      <c r="E38" s="12"/>
      <c r="F38" s="12"/>
      <c r="G38" s="12"/>
      <c r="H38" s="12"/>
      <c r="I38" s="12"/>
      <c r="J38" s="12"/>
    </row>
    <row r="39" spans="1:10" x14ac:dyDescent="0.25">
      <c r="A39" s="2" t="s">
        <v>71</v>
      </c>
      <c r="B39" s="4" t="s">
        <v>743</v>
      </c>
      <c r="C39" s="13">
        <v>5718800</v>
      </c>
      <c r="D39" s="13">
        <v>3570771.94</v>
      </c>
      <c r="E39" s="12"/>
      <c r="F39" s="12"/>
      <c r="G39" s="12"/>
      <c r="H39" s="12"/>
      <c r="I39" s="12"/>
      <c r="J39" s="12"/>
    </row>
    <row r="40" spans="1:10" x14ac:dyDescent="0.25">
      <c r="A40" s="3" t="s">
        <v>73</v>
      </c>
      <c r="B40" s="5" t="s">
        <v>744</v>
      </c>
      <c r="C40" s="11">
        <v>431094306</v>
      </c>
      <c r="D40" s="11">
        <v>143681749.68000001</v>
      </c>
      <c r="E40" s="12"/>
      <c r="F40" s="12"/>
      <c r="G40" s="12"/>
      <c r="H40" s="12"/>
      <c r="I40" s="12"/>
      <c r="J40" s="12"/>
    </row>
    <row r="41" spans="1:10" x14ac:dyDescent="0.25">
      <c r="A41" s="2" t="s">
        <v>75</v>
      </c>
      <c r="B41" s="4" t="s">
        <v>745</v>
      </c>
      <c r="C41" s="13">
        <v>378354806</v>
      </c>
      <c r="D41" s="13">
        <v>76264029.959999993</v>
      </c>
      <c r="E41" s="12"/>
      <c r="F41" s="12"/>
      <c r="G41" s="12"/>
      <c r="H41" s="12"/>
      <c r="I41" s="12"/>
      <c r="J41" s="12"/>
    </row>
    <row r="42" spans="1:10" x14ac:dyDescent="0.25">
      <c r="A42" s="2" t="s">
        <v>77</v>
      </c>
      <c r="B42" s="4" t="s">
        <v>746</v>
      </c>
      <c r="C42" s="13">
        <v>52739500</v>
      </c>
      <c r="D42" s="13">
        <v>67417719.719999999</v>
      </c>
      <c r="E42" s="12"/>
      <c r="F42" s="12"/>
      <c r="G42" s="12"/>
      <c r="H42" s="12"/>
      <c r="I42" s="12"/>
      <c r="J42" s="12"/>
    </row>
    <row r="43" spans="1:10" x14ac:dyDescent="0.25">
      <c r="A43" s="3" t="s">
        <v>79</v>
      </c>
      <c r="B43" s="5" t="s">
        <v>623</v>
      </c>
      <c r="C43" s="11">
        <v>0</v>
      </c>
      <c r="D43" s="11">
        <v>0</v>
      </c>
      <c r="E43" s="12"/>
      <c r="F43" s="12"/>
      <c r="G43" s="12"/>
      <c r="H43" s="12"/>
      <c r="I43" s="12"/>
      <c r="J43" s="12"/>
    </row>
    <row r="44" spans="1:10" x14ac:dyDescent="0.25">
      <c r="A44" s="2" t="s">
        <v>81</v>
      </c>
      <c r="B44" s="4" t="s">
        <v>747</v>
      </c>
      <c r="C44" s="13">
        <v>0</v>
      </c>
      <c r="D44" s="13">
        <v>0</v>
      </c>
      <c r="E44" s="12"/>
      <c r="F44" s="12"/>
      <c r="G44" s="12"/>
      <c r="H44" s="12"/>
      <c r="I44" s="12"/>
      <c r="J44" s="12"/>
    </row>
    <row r="45" spans="1:10" x14ac:dyDescent="0.25">
      <c r="A45" s="2" t="s">
        <v>83</v>
      </c>
      <c r="B45" s="4" t="s">
        <v>748</v>
      </c>
      <c r="C45" s="13">
        <v>0</v>
      </c>
      <c r="D45" s="13">
        <v>0</v>
      </c>
      <c r="E45" s="12"/>
      <c r="F45" s="12"/>
      <c r="G45" s="12"/>
      <c r="H45" s="12"/>
      <c r="I45" s="12"/>
      <c r="J45" s="12"/>
    </row>
    <row r="46" spans="1:10" x14ac:dyDescent="0.25">
      <c r="A46" s="2" t="s">
        <v>85</v>
      </c>
      <c r="B46" s="4" t="s">
        <v>749</v>
      </c>
      <c r="C46" s="13">
        <v>436813106</v>
      </c>
      <c r="D46" s="13">
        <v>147252521.62</v>
      </c>
      <c r="E46" s="12"/>
      <c r="F46" s="12"/>
      <c r="G46" s="12"/>
      <c r="H46" s="12"/>
      <c r="I46" s="12"/>
      <c r="J46" s="12"/>
    </row>
    <row r="47" spans="1:10" x14ac:dyDescent="0.25">
      <c r="A47" s="3" t="s">
        <v>87</v>
      </c>
      <c r="B47" s="5" t="s">
        <v>750</v>
      </c>
      <c r="C47" s="11">
        <v>16968734594.77</v>
      </c>
      <c r="D47" s="11">
        <v>12949524653.18</v>
      </c>
      <c r="E47" s="12"/>
      <c r="F47" s="12"/>
      <c r="G47" s="12"/>
      <c r="H47" s="12"/>
      <c r="I47" s="12"/>
      <c r="J47" s="12"/>
    </row>
    <row r="48" spans="1:10" x14ac:dyDescent="0.25">
      <c r="C48" s="12"/>
      <c r="D48" s="12"/>
      <c r="E48" s="12"/>
      <c r="F48" s="12"/>
      <c r="G48" s="12"/>
      <c r="H48" s="12"/>
      <c r="I48" s="12"/>
      <c r="J48" s="12"/>
    </row>
    <row r="49" spans="1:10" x14ac:dyDescent="0.25">
      <c r="A49" s="10" t="s">
        <v>6</v>
      </c>
      <c r="B49" s="10" t="s">
        <v>751</v>
      </c>
      <c r="C49" s="14" t="s">
        <v>752</v>
      </c>
      <c r="D49" s="14" t="s">
        <v>717</v>
      </c>
      <c r="E49" s="14" t="s">
        <v>7</v>
      </c>
      <c r="F49" s="14" t="s">
        <v>7</v>
      </c>
      <c r="G49" s="14" t="s">
        <v>7</v>
      </c>
      <c r="H49" s="14" t="s">
        <v>755</v>
      </c>
      <c r="I49" s="14" t="s">
        <v>755</v>
      </c>
      <c r="J49" s="12"/>
    </row>
    <row r="50" spans="1:10" ht="63" x14ac:dyDescent="0.25">
      <c r="A50" s="10" t="s">
        <v>7</v>
      </c>
      <c r="B50" s="10" t="s">
        <v>7</v>
      </c>
      <c r="C50" s="14" t="s">
        <v>7</v>
      </c>
      <c r="D50" s="15" t="s">
        <v>170</v>
      </c>
      <c r="E50" s="15" t="s">
        <v>174</v>
      </c>
      <c r="F50" s="15" t="s">
        <v>753</v>
      </c>
      <c r="G50" s="15" t="s">
        <v>754</v>
      </c>
      <c r="H50" s="15" t="s">
        <v>756</v>
      </c>
      <c r="I50" s="15" t="s">
        <v>757</v>
      </c>
      <c r="J50" s="12"/>
    </row>
    <row r="51" spans="1:10" x14ac:dyDescent="0.25">
      <c r="A51" s="3" t="s">
        <v>89</v>
      </c>
      <c r="B51" s="5" t="s">
        <v>758</v>
      </c>
      <c r="C51" s="11">
        <v>15518134996.120001</v>
      </c>
      <c r="D51" s="11">
        <v>11461371675.5</v>
      </c>
      <c r="E51" s="11">
        <v>9920763144.6100006</v>
      </c>
      <c r="F51" s="11">
        <v>9792525358.7800007</v>
      </c>
      <c r="G51" s="11">
        <v>82420978.709999993</v>
      </c>
      <c r="H51" s="11">
        <v>257165380.62</v>
      </c>
      <c r="I51" s="11">
        <v>253347476.12</v>
      </c>
      <c r="J51" s="12"/>
    </row>
    <row r="52" spans="1:10" x14ac:dyDescent="0.25">
      <c r="A52" s="2" t="s">
        <v>91</v>
      </c>
      <c r="B52" s="4" t="s">
        <v>759</v>
      </c>
      <c r="C52" s="13">
        <v>9137196568.0499992</v>
      </c>
      <c r="D52" s="13">
        <v>6895944080.9899998</v>
      </c>
      <c r="E52" s="13">
        <v>6472645796.5</v>
      </c>
      <c r="F52" s="13">
        <v>6452128758.0500002</v>
      </c>
      <c r="G52" s="13">
        <v>21466478.66</v>
      </c>
      <c r="H52" s="13">
        <v>170580.51</v>
      </c>
      <c r="I52" s="13">
        <v>170580.51</v>
      </c>
      <c r="J52" s="12"/>
    </row>
    <row r="53" spans="1:10" x14ac:dyDescent="0.25">
      <c r="A53" s="2" t="s">
        <v>93</v>
      </c>
      <c r="B53" s="4" t="s">
        <v>760</v>
      </c>
      <c r="C53" s="13">
        <v>311371164</v>
      </c>
      <c r="D53" s="13">
        <v>263957423.16</v>
      </c>
      <c r="E53" s="13">
        <v>223005773.71000001</v>
      </c>
      <c r="F53" s="13">
        <v>223005773.71000001</v>
      </c>
      <c r="G53" s="13">
        <v>0</v>
      </c>
      <c r="H53" s="13">
        <v>0</v>
      </c>
      <c r="I53" s="13">
        <v>0</v>
      </c>
      <c r="J53" s="12"/>
    </row>
    <row r="54" spans="1:10" x14ac:dyDescent="0.25">
      <c r="A54" s="3" t="s">
        <v>95</v>
      </c>
      <c r="B54" s="5" t="s">
        <v>761</v>
      </c>
      <c r="C54" s="11">
        <v>6069567264.0699997</v>
      </c>
      <c r="D54" s="11">
        <v>4301470171.3500004</v>
      </c>
      <c r="E54" s="11">
        <v>3225111574.4000001</v>
      </c>
      <c r="F54" s="11">
        <v>3117390827.02</v>
      </c>
      <c r="G54" s="11">
        <v>60954500.049999997</v>
      </c>
      <c r="H54" s="11">
        <v>256994800.11000001</v>
      </c>
      <c r="I54" s="11">
        <v>253176895.61000001</v>
      </c>
      <c r="J54" s="12"/>
    </row>
    <row r="55" spans="1:10" x14ac:dyDescent="0.25">
      <c r="A55" s="2" t="s">
        <v>97</v>
      </c>
      <c r="B55" s="4" t="s">
        <v>762</v>
      </c>
      <c r="C55" s="13">
        <v>448268600</v>
      </c>
      <c r="D55" s="13">
        <v>448268500</v>
      </c>
      <c r="E55" s="13">
        <v>334800763.06</v>
      </c>
      <c r="F55" s="13">
        <v>286238681.93000001</v>
      </c>
      <c r="G55" s="13">
        <v>40099668.649999999</v>
      </c>
      <c r="H55" s="13">
        <v>0</v>
      </c>
      <c r="I55" s="13">
        <v>0</v>
      </c>
      <c r="J55" s="12"/>
    </row>
    <row r="56" spans="1:10" x14ac:dyDescent="0.25">
      <c r="A56" s="2" t="s">
        <v>99</v>
      </c>
      <c r="B56" s="4" t="s">
        <v>687</v>
      </c>
      <c r="C56" s="13">
        <v>5621298664.0699997</v>
      </c>
      <c r="D56" s="13">
        <v>3853201671.3499999</v>
      </c>
      <c r="E56" s="13">
        <v>2890310811.3400002</v>
      </c>
      <c r="F56" s="13">
        <v>2831152145.0900002</v>
      </c>
      <c r="G56" s="13">
        <v>20854831.399999999</v>
      </c>
      <c r="H56" s="13">
        <v>256994800.11000001</v>
      </c>
      <c r="I56" s="13">
        <v>253176895.61000001</v>
      </c>
      <c r="J56" s="12"/>
    </row>
    <row r="57" spans="1:10" x14ac:dyDescent="0.25">
      <c r="A57" s="2" t="s">
        <v>101</v>
      </c>
      <c r="B57" s="4" t="s">
        <v>763</v>
      </c>
      <c r="C57" s="13">
        <v>15206763832.120001</v>
      </c>
      <c r="D57" s="13">
        <v>11197414252.34</v>
      </c>
      <c r="E57" s="13">
        <v>9697757370.8999996</v>
      </c>
      <c r="F57" s="13">
        <v>9569519585.0699997</v>
      </c>
      <c r="G57" s="13">
        <v>82420978.709999993</v>
      </c>
      <c r="H57" s="13">
        <v>257165380.62</v>
      </c>
      <c r="I57" s="13">
        <v>253347476.12</v>
      </c>
      <c r="J57" s="12"/>
    </row>
    <row r="58" spans="1:10" x14ac:dyDescent="0.25">
      <c r="A58" s="3" t="s">
        <v>103</v>
      </c>
      <c r="B58" s="5" t="s">
        <v>764</v>
      </c>
      <c r="C58" s="11">
        <v>4700657817.29</v>
      </c>
      <c r="D58" s="11">
        <v>3434196083.2199998</v>
      </c>
      <c r="E58" s="11">
        <v>1999964198.78</v>
      </c>
      <c r="F58" s="11">
        <v>1955173248.6400001</v>
      </c>
      <c r="G58" s="11">
        <v>7535211.4900000002</v>
      </c>
      <c r="H58" s="11">
        <v>353199564.13999999</v>
      </c>
      <c r="I58" s="11">
        <v>346866389.39999998</v>
      </c>
      <c r="J58" s="12"/>
    </row>
    <row r="59" spans="1:10" x14ac:dyDescent="0.25">
      <c r="A59" s="2" t="s">
        <v>105</v>
      </c>
      <c r="B59" s="4" t="s">
        <v>765</v>
      </c>
      <c r="C59" s="13">
        <v>4350784767.29</v>
      </c>
      <c r="D59" s="13">
        <v>3102244048.2399998</v>
      </c>
      <c r="E59" s="13">
        <v>1760846633.0799999</v>
      </c>
      <c r="F59" s="13">
        <v>1716055682.9400001</v>
      </c>
      <c r="G59" s="13">
        <v>6233633.0099999998</v>
      </c>
      <c r="H59" s="13">
        <v>352131873.58999997</v>
      </c>
      <c r="I59" s="13">
        <v>345798698.85000002</v>
      </c>
      <c r="J59" s="12"/>
    </row>
    <row r="60" spans="1:10" x14ac:dyDescent="0.25">
      <c r="A60" s="3" t="s">
        <v>107</v>
      </c>
      <c r="B60" s="5" t="s">
        <v>766</v>
      </c>
      <c r="C60" s="11">
        <v>26799660</v>
      </c>
      <c r="D60" s="11">
        <v>12611977.710000001</v>
      </c>
      <c r="E60" s="11">
        <v>1160000</v>
      </c>
      <c r="F60" s="11">
        <v>1160000</v>
      </c>
      <c r="G60" s="11">
        <v>1301578.48</v>
      </c>
      <c r="H60" s="11">
        <v>1067690.55</v>
      </c>
      <c r="I60" s="11">
        <v>1067690.55</v>
      </c>
      <c r="J60" s="12"/>
    </row>
    <row r="61" spans="1:10" x14ac:dyDescent="0.25">
      <c r="A61" s="2" t="s">
        <v>109</v>
      </c>
      <c r="B61" s="4" t="s">
        <v>767</v>
      </c>
      <c r="C61" s="13">
        <v>12400000</v>
      </c>
      <c r="D61" s="13">
        <v>0</v>
      </c>
      <c r="E61" s="13">
        <v>0</v>
      </c>
      <c r="F61" s="13">
        <v>0</v>
      </c>
      <c r="G61" s="13">
        <v>0</v>
      </c>
      <c r="H61" s="13">
        <v>0</v>
      </c>
      <c r="I61" s="13">
        <v>0</v>
      </c>
      <c r="J61" s="12"/>
    </row>
    <row r="62" spans="1:10" x14ac:dyDescent="0.25">
      <c r="A62" s="2" t="s">
        <v>111</v>
      </c>
      <c r="B62" s="4" t="s">
        <v>768</v>
      </c>
      <c r="C62" s="13">
        <v>0</v>
      </c>
      <c r="D62" s="13">
        <v>0</v>
      </c>
      <c r="E62" s="13">
        <v>0</v>
      </c>
      <c r="F62" s="13">
        <v>0</v>
      </c>
      <c r="G62" s="13">
        <v>0</v>
      </c>
      <c r="H62" s="13">
        <v>0</v>
      </c>
      <c r="I62" s="13">
        <v>0</v>
      </c>
      <c r="J62" s="12"/>
    </row>
    <row r="63" spans="1:10" x14ac:dyDescent="0.25">
      <c r="A63" s="2" t="s">
        <v>113</v>
      </c>
      <c r="B63" s="4" t="s">
        <v>769</v>
      </c>
      <c r="C63" s="13">
        <v>0</v>
      </c>
      <c r="D63" s="13">
        <v>0</v>
      </c>
      <c r="E63" s="13">
        <v>0</v>
      </c>
      <c r="F63" s="13">
        <v>0</v>
      </c>
      <c r="G63" s="13">
        <v>0</v>
      </c>
      <c r="H63" s="13">
        <v>0</v>
      </c>
      <c r="I63" s="13">
        <v>0</v>
      </c>
      <c r="J63" s="12"/>
    </row>
    <row r="64" spans="1:10" x14ac:dyDescent="0.25">
      <c r="A64" s="2" t="s">
        <v>115</v>
      </c>
      <c r="B64" s="4" t="s">
        <v>770</v>
      </c>
      <c r="C64" s="13">
        <v>14399660</v>
      </c>
      <c r="D64" s="13">
        <v>12611977.710000001</v>
      </c>
      <c r="E64" s="13">
        <v>1160000</v>
      </c>
      <c r="F64" s="13">
        <v>1160000</v>
      </c>
      <c r="G64" s="13">
        <v>1301578.48</v>
      </c>
      <c r="H64" s="13">
        <v>1067690.55</v>
      </c>
      <c r="I64" s="13">
        <v>1067690.55</v>
      </c>
      <c r="J64" s="12"/>
    </row>
    <row r="65" spans="1:10" x14ac:dyDescent="0.25">
      <c r="A65" s="2" t="s">
        <v>117</v>
      </c>
      <c r="B65" s="4" t="s">
        <v>771</v>
      </c>
      <c r="C65" s="13">
        <v>323073390</v>
      </c>
      <c r="D65" s="13">
        <v>319340057.26999998</v>
      </c>
      <c r="E65" s="13">
        <v>237957565.69999999</v>
      </c>
      <c r="F65" s="13">
        <v>237957565.69999999</v>
      </c>
      <c r="G65" s="13">
        <v>0</v>
      </c>
      <c r="H65" s="13">
        <v>0</v>
      </c>
      <c r="I65" s="13">
        <v>0</v>
      </c>
      <c r="J65" s="12"/>
    </row>
    <row r="66" spans="1:10" x14ac:dyDescent="0.25">
      <c r="A66" s="2" t="s">
        <v>119</v>
      </c>
      <c r="B66" s="4" t="s">
        <v>772</v>
      </c>
      <c r="C66" s="13">
        <v>4365184427.29</v>
      </c>
      <c r="D66" s="13">
        <v>3114856025.9499998</v>
      </c>
      <c r="E66" s="13">
        <v>1762006633.0799999</v>
      </c>
      <c r="F66" s="13">
        <v>1717215682.9400001</v>
      </c>
      <c r="G66" s="13">
        <v>7535211.4900000002</v>
      </c>
      <c r="H66" s="13">
        <v>353199564.13999999</v>
      </c>
      <c r="I66" s="13">
        <v>346866389.39999998</v>
      </c>
      <c r="J66" s="12"/>
    </row>
    <row r="67" spans="1:10" x14ac:dyDescent="0.25">
      <c r="A67" s="2" t="s">
        <v>120</v>
      </c>
      <c r="B67" s="4" t="s">
        <v>773</v>
      </c>
      <c r="C67" s="13">
        <v>467259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  <c r="J67" s="12"/>
    </row>
    <row r="68" spans="1:10" x14ac:dyDescent="0.25">
      <c r="A68" s="3" t="s">
        <v>121</v>
      </c>
      <c r="B68" s="5" t="s">
        <v>774</v>
      </c>
      <c r="C68" s="11">
        <v>19572415518.41</v>
      </c>
      <c r="D68" s="11">
        <v>14312270278.290001</v>
      </c>
      <c r="E68" s="11">
        <v>11459764003.98</v>
      </c>
      <c r="F68" s="11">
        <v>11286735268.01</v>
      </c>
      <c r="G68" s="11">
        <v>89956190.200000003</v>
      </c>
      <c r="H68" s="11">
        <v>610364944.75999999</v>
      </c>
      <c r="I68" s="11">
        <v>600213865.51999998</v>
      </c>
      <c r="J68" s="12"/>
    </row>
    <row r="69" spans="1:10" x14ac:dyDescent="0.25">
      <c r="C69" s="12"/>
      <c r="D69" s="12"/>
      <c r="E69" s="12"/>
      <c r="F69" s="12"/>
      <c r="G69" s="12"/>
      <c r="H69" s="12"/>
      <c r="I69" s="12"/>
      <c r="J69" s="12"/>
    </row>
    <row r="70" spans="1:10" x14ac:dyDescent="0.25">
      <c r="A70" s="10" t="s">
        <v>6</v>
      </c>
      <c r="B70" s="10" t="s">
        <v>775</v>
      </c>
      <c r="C70" s="14" t="s">
        <v>398</v>
      </c>
      <c r="D70" s="12"/>
      <c r="E70" s="12"/>
      <c r="F70" s="12"/>
      <c r="G70" s="12"/>
      <c r="H70" s="12"/>
      <c r="I70" s="12"/>
      <c r="J70" s="12"/>
    </row>
    <row r="71" spans="1:10" x14ac:dyDescent="0.25">
      <c r="A71" s="10" t="s">
        <v>7</v>
      </c>
      <c r="B71" s="10" t="s">
        <v>7</v>
      </c>
      <c r="C71" s="14" t="s">
        <v>7</v>
      </c>
      <c r="D71" s="12"/>
      <c r="E71" s="12"/>
      <c r="F71" s="12"/>
      <c r="G71" s="12"/>
      <c r="H71" s="12"/>
      <c r="I71" s="12"/>
      <c r="J71" s="12"/>
    </row>
    <row r="72" spans="1:10" x14ac:dyDescent="0.25">
      <c r="A72" s="2" t="s">
        <v>122</v>
      </c>
      <c r="B72" s="4" t="s">
        <v>776</v>
      </c>
      <c r="C72" s="13">
        <v>972619329.45000005</v>
      </c>
      <c r="D72" s="12"/>
      <c r="E72" s="12"/>
      <c r="F72" s="12"/>
      <c r="G72" s="12"/>
      <c r="H72" s="12"/>
      <c r="I72" s="12"/>
      <c r="J72" s="12"/>
    </row>
    <row r="73" spans="1:10" x14ac:dyDescent="0.25">
      <c r="C73" s="12"/>
      <c r="D73" s="12"/>
      <c r="E73" s="12"/>
      <c r="F73" s="12"/>
      <c r="G73" s="12"/>
      <c r="H73" s="12"/>
      <c r="I73" s="12"/>
      <c r="J73" s="12"/>
    </row>
    <row r="74" spans="1:10" x14ac:dyDescent="0.25">
      <c r="A74" s="10" t="s">
        <v>6</v>
      </c>
      <c r="B74" s="10" t="s">
        <v>777</v>
      </c>
      <c r="C74" s="14" t="s">
        <v>778</v>
      </c>
      <c r="D74" s="12"/>
      <c r="E74" s="12"/>
      <c r="F74" s="12"/>
      <c r="G74" s="12"/>
      <c r="H74" s="12"/>
      <c r="I74" s="12"/>
      <c r="J74" s="12"/>
    </row>
    <row r="75" spans="1:10" x14ac:dyDescent="0.25">
      <c r="A75" s="10" t="s">
        <v>7</v>
      </c>
      <c r="B75" s="10" t="s">
        <v>7</v>
      </c>
      <c r="C75" s="14" t="s">
        <v>7</v>
      </c>
      <c r="D75" s="12"/>
      <c r="E75" s="12"/>
      <c r="F75" s="12"/>
      <c r="G75" s="12"/>
      <c r="H75" s="12"/>
      <c r="I75" s="12"/>
      <c r="J75" s="12"/>
    </row>
    <row r="76" spans="1:10" x14ac:dyDescent="0.25">
      <c r="A76" s="2" t="s">
        <v>123</v>
      </c>
      <c r="B76" s="4" t="s">
        <v>779</v>
      </c>
      <c r="C76" s="13">
        <v>315499518.75999999</v>
      </c>
      <c r="D76" s="12"/>
      <c r="E76" s="12"/>
      <c r="F76" s="12"/>
      <c r="G76" s="12"/>
      <c r="H76" s="12"/>
      <c r="I76" s="12"/>
      <c r="J76" s="12"/>
    </row>
    <row r="77" spans="1:10" x14ac:dyDescent="0.25">
      <c r="C77" s="12"/>
      <c r="D77" s="12"/>
      <c r="E77" s="12"/>
      <c r="F77" s="12"/>
      <c r="G77" s="12"/>
      <c r="H77" s="12"/>
      <c r="I77" s="12"/>
      <c r="J77" s="12"/>
    </row>
    <row r="78" spans="1:10" ht="21" x14ac:dyDescent="0.25">
      <c r="A78" s="10" t="s">
        <v>6</v>
      </c>
      <c r="B78" s="10" t="s">
        <v>780</v>
      </c>
      <c r="C78" s="15" t="s">
        <v>717</v>
      </c>
      <c r="D78" s="12"/>
      <c r="E78" s="12"/>
      <c r="F78" s="12"/>
      <c r="G78" s="12"/>
      <c r="H78" s="12"/>
      <c r="I78" s="12"/>
      <c r="J78" s="12"/>
    </row>
    <row r="79" spans="1:10" ht="21" x14ac:dyDescent="0.25">
      <c r="A79" s="10" t="s">
        <v>7</v>
      </c>
      <c r="B79" s="10" t="s">
        <v>7</v>
      </c>
      <c r="C79" s="15" t="s">
        <v>781</v>
      </c>
      <c r="D79" s="12"/>
      <c r="E79" s="12"/>
      <c r="F79" s="12"/>
      <c r="G79" s="12"/>
      <c r="H79" s="12"/>
      <c r="I79" s="12"/>
      <c r="J79" s="12"/>
    </row>
    <row r="80" spans="1:10" x14ac:dyDescent="0.25">
      <c r="A80" s="2" t="s">
        <v>124</v>
      </c>
      <c r="B80" s="4" t="s">
        <v>782</v>
      </c>
      <c r="C80" s="13">
        <v>508068721.43000001</v>
      </c>
      <c r="D80" s="12"/>
      <c r="E80" s="12"/>
      <c r="F80" s="12"/>
      <c r="G80" s="12"/>
      <c r="H80" s="12"/>
      <c r="I80" s="12"/>
      <c r="J80" s="12"/>
    </row>
    <row r="81" spans="1:10" x14ac:dyDescent="0.25">
      <c r="A81" s="2" t="s">
        <v>125</v>
      </c>
      <c r="B81" s="4" t="s">
        <v>783</v>
      </c>
      <c r="C81" s="13">
        <v>479291106.88</v>
      </c>
      <c r="D81" s="12"/>
      <c r="E81" s="12"/>
      <c r="F81" s="12"/>
      <c r="G81" s="12"/>
      <c r="H81" s="12"/>
      <c r="I81" s="12"/>
      <c r="J81" s="12"/>
    </row>
    <row r="82" spans="1:10" x14ac:dyDescent="0.25">
      <c r="C82" s="12"/>
      <c r="D82" s="12"/>
      <c r="E82" s="12"/>
      <c r="F82" s="12"/>
      <c r="G82" s="12"/>
      <c r="H82" s="12"/>
      <c r="I82" s="12"/>
      <c r="J82" s="12"/>
    </row>
    <row r="83" spans="1:10" x14ac:dyDescent="0.25">
      <c r="A83" s="10" t="s">
        <v>6</v>
      </c>
      <c r="B83" s="10" t="s">
        <v>784</v>
      </c>
      <c r="C83" s="14" t="s">
        <v>781</v>
      </c>
      <c r="D83" s="12"/>
      <c r="E83" s="12"/>
      <c r="F83" s="12"/>
      <c r="G83" s="12"/>
      <c r="H83" s="12"/>
      <c r="I83" s="12"/>
      <c r="J83" s="12"/>
    </row>
    <row r="84" spans="1:10" x14ac:dyDescent="0.25">
      <c r="A84" s="10" t="s">
        <v>7</v>
      </c>
      <c r="B84" s="10" t="s">
        <v>7</v>
      </c>
      <c r="C84" s="14" t="s">
        <v>7</v>
      </c>
      <c r="D84" s="12"/>
      <c r="E84" s="12"/>
      <c r="F84" s="12"/>
      <c r="G84" s="12"/>
      <c r="H84" s="12"/>
      <c r="I84" s="12"/>
      <c r="J84" s="12"/>
    </row>
    <row r="85" spans="1:10" x14ac:dyDescent="0.25">
      <c r="A85" s="2" t="s">
        <v>127</v>
      </c>
      <c r="B85" s="4" t="s">
        <v>785</v>
      </c>
      <c r="C85" s="13">
        <v>1001396944</v>
      </c>
      <c r="D85" s="12"/>
      <c r="E85" s="12"/>
      <c r="F85" s="12"/>
      <c r="G85" s="12"/>
      <c r="H85" s="12"/>
      <c r="I85" s="12"/>
      <c r="J85" s="12"/>
    </row>
    <row r="86" spans="1:10" x14ac:dyDescent="0.25">
      <c r="C86" s="12"/>
      <c r="D86" s="12"/>
      <c r="E86" s="12"/>
      <c r="F86" s="12"/>
      <c r="G86" s="12"/>
      <c r="H86" s="12"/>
      <c r="I86" s="12"/>
      <c r="J86" s="12"/>
    </row>
    <row r="87" spans="1:10" x14ac:dyDescent="0.25">
      <c r="A87" s="10" t="s">
        <v>6</v>
      </c>
      <c r="B87" s="10" t="s">
        <v>786</v>
      </c>
      <c r="C87" s="14" t="s">
        <v>778</v>
      </c>
      <c r="D87" s="12"/>
      <c r="E87" s="12"/>
      <c r="F87" s="12"/>
      <c r="G87" s="12"/>
      <c r="H87" s="12"/>
      <c r="I87" s="12"/>
      <c r="J87" s="12"/>
    </row>
    <row r="88" spans="1:10" x14ac:dyDescent="0.25">
      <c r="A88" s="10" t="s">
        <v>7</v>
      </c>
      <c r="B88" s="10" t="s">
        <v>7</v>
      </c>
      <c r="C88" s="14" t="s">
        <v>7</v>
      </c>
      <c r="D88" s="12"/>
      <c r="E88" s="12"/>
      <c r="F88" s="12"/>
      <c r="G88" s="12"/>
      <c r="H88" s="12"/>
      <c r="I88" s="12"/>
      <c r="J88" s="12"/>
    </row>
    <row r="89" spans="1:10" x14ac:dyDescent="0.25">
      <c r="A89" s="2" t="s">
        <v>129</v>
      </c>
      <c r="B89" s="4" t="s">
        <v>779</v>
      </c>
      <c r="C89" s="13">
        <v>1698267.56</v>
      </c>
      <c r="D89" s="12"/>
      <c r="E89" s="12"/>
      <c r="F89" s="12"/>
      <c r="G89" s="12"/>
      <c r="H89" s="12"/>
      <c r="I89" s="12"/>
      <c r="J89" s="12"/>
    </row>
    <row r="90" spans="1:10" x14ac:dyDescent="0.25">
      <c r="C90" s="12"/>
      <c r="D90" s="12"/>
      <c r="E90" s="12"/>
      <c r="F90" s="12"/>
      <c r="G90" s="12"/>
      <c r="H90" s="12"/>
      <c r="I90" s="12"/>
      <c r="J90" s="12"/>
    </row>
    <row r="91" spans="1:10" x14ac:dyDescent="0.25">
      <c r="A91" s="10" t="s">
        <v>6</v>
      </c>
      <c r="B91" s="10" t="s">
        <v>787</v>
      </c>
      <c r="C91" s="14" t="s">
        <v>788</v>
      </c>
      <c r="D91" s="14" t="s">
        <v>788</v>
      </c>
      <c r="E91" s="12"/>
      <c r="F91" s="12"/>
      <c r="G91" s="12"/>
      <c r="H91" s="12"/>
      <c r="I91" s="12"/>
      <c r="J91" s="12"/>
    </row>
    <row r="92" spans="1:10" ht="21" x14ac:dyDescent="0.25">
      <c r="A92" s="10" t="s">
        <v>7</v>
      </c>
      <c r="B92" s="10" t="s">
        <v>7</v>
      </c>
      <c r="C92" s="15" t="s">
        <v>789</v>
      </c>
      <c r="D92" s="15" t="s">
        <v>411</v>
      </c>
      <c r="E92" s="12"/>
      <c r="F92" s="12"/>
      <c r="G92" s="12"/>
      <c r="H92" s="12"/>
      <c r="I92" s="12"/>
      <c r="J92" s="12"/>
    </row>
    <row r="93" spans="1:10" x14ac:dyDescent="0.25">
      <c r="A93" s="2" t="s">
        <v>131</v>
      </c>
      <c r="B93" s="4" t="s">
        <v>790</v>
      </c>
      <c r="C93" s="13">
        <v>9071829886.8600006</v>
      </c>
      <c r="D93" s="13">
        <v>8830191807.0200005</v>
      </c>
      <c r="E93" s="12"/>
      <c r="F93" s="12"/>
      <c r="G93" s="12"/>
      <c r="H93" s="12"/>
      <c r="I93" s="12"/>
      <c r="J93" s="12"/>
    </row>
    <row r="94" spans="1:10" x14ac:dyDescent="0.25">
      <c r="A94" s="3" t="s">
        <v>133</v>
      </c>
      <c r="B94" s="5" t="s">
        <v>791</v>
      </c>
      <c r="C94" s="11">
        <v>5688487695.2600002</v>
      </c>
      <c r="D94" s="11">
        <v>6369373168.6000004</v>
      </c>
      <c r="E94" s="12"/>
      <c r="F94" s="12"/>
      <c r="G94" s="12"/>
      <c r="H94" s="12"/>
      <c r="I94" s="12"/>
      <c r="J94" s="12"/>
    </row>
    <row r="95" spans="1:10" x14ac:dyDescent="0.25">
      <c r="A95" s="3" t="s">
        <v>135</v>
      </c>
      <c r="B95" s="5" t="s">
        <v>792</v>
      </c>
      <c r="C95" s="11">
        <v>5331575745.3400002</v>
      </c>
      <c r="D95" s="11">
        <v>5995729315.3299999</v>
      </c>
      <c r="E95" s="12"/>
      <c r="F95" s="12"/>
      <c r="G95" s="12"/>
      <c r="H95" s="12"/>
      <c r="I95" s="12"/>
      <c r="J95" s="12"/>
    </row>
    <row r="96" spans="1:10" x14ac:dyDescent="0.25">
      <c r="A96" s="2" t="s">
        <v>137</v>
      </c>
      <c r="B96" s="4" t="s">
        <v>793</v>
      </c>
      <c r="C96" s="13">
        <v>5459843836.9899998</v>
      </c>
      <c r="D96" s="13">
        <v>6323857388.8699999</v>
      </c>
      <c r="E96" s="12"/>
      <c r="F96" s="12"/>
      <c r="G96" s="12"/>
      <c r="H96" s="12"/>
      <c r="I96" s="12"/>
      <c r="J96" s="12"/>
    </row>
    <row r="97" spans="1:10" x14ac:dyDescent="0.25">
      <c r="A97" s="2" t="s">
        <v>139</v>
      </c>
      <c r="B97" s="4" t="s">
        <v>794</v>
      </c>
      <c r="C97" s="13">
        <v>128268091.65000001</v>
      </c>
      <c r="D97" s="13">
        <v>49192039.869999997</v>
      </c>
      <c r="E97" s="12"/>
      <c r="F97" s="12"/>
      <c r="G97" s="12"/>
      <c r="H97" s="12"/>
      <c r="I97" s="12"/>
      <c r="J97" s="12"/>
    </row>
    <row r="98" spans="1:10" x14ac:dyDescent="0.25">
      <c r="A98" s="2" t="s">
        <v>141</v>
      </c>
      <c r="B98" s="4" t="s">
        <v>795</v>
      </c>
      <c r="C98" s="13">
        <v>0</v>
      </c>
      <c r="D98" s="13">
        <v>278936033.67000002</v>
      </c>
      <c r="E98" s="12"/>
      <c r="F98" s="12"/>
      <c r="G98" s="12"/>
      <c r="H98" s="12"/>
      <c r="I98" s="12"/>
      <c r="J98" s="12"/>
    </row>
    <row r="99" spans="1:10" x14ac:dyDescent="0.25">
      <c r="A99" s="2" t="s">
        <v>143</v>
      </c>
      <c r="B99" s="4" t="s">
        <v>796</v>
      </c>
      <c r="C99" s="13">
        <v>356911949.92000002</v>
      </c>
      <c r="D99" s="13">
        <v>373643853.26999998</v>
      </c>
      <c r="E99" s="12"/>
      <c r="F99" s="12"/>
      <c r="G99" s="12"/>
      <c r="H99" s="12"/>
      <c r="I99" s="12"/>
      <c r="J99" s="12"/>
    </row>
    <row r="100" spans="1:10" x14ac:dyDescent="0.25">
      <c r="A100" s="3" t="s">
        <v>145</v>
      </c>
      <c r="B100" s="5" t="s">
        <v>797</v>
      </c>
      <c r="C100" s="11">
        <v>3383342191.5999999</v>
      </c>
      <c r="D100" s="11">
        <v>2460818638.4200001</v>
      </c>
      <c r="E100" s="12"/>
      <c r="F100" s="12"/>
      <c r="G100" s="12"/>
      <c r="H100" s="12"/>
      <c r="I100" s="12"/>
      <c r="J100" s="12"/>
    </row>
    <row r="101" spans="1:10" x14ac:dyDescent="0.25">
      <c r="C101" s="12"/>
      <c r="D101" s="12"/>
      <c r="E101" s="12"/>
      <c r="F101" s="12"/>
      <c r="G101" s="12"/>
      <c r="H101" s="12"/>
      <c r="I101" s="12"/>
      <c r="J101" s="12"/>
    </row>
    <row r="102" spans="1:10" x14ac:dyDescent="0.25">
      <c r="A102" s="10" t="s">
        <v>6</v>
      </c>
      <c r="B102" s="10" t="s">
        <v>798</v>
      </c>
      <c r="C102" s="14" t="s">
        <v>799</v>
      </c>
      <c r="D102" s="12"/>
      <c r="E102" s="12"/>
      <c r="F102" s="12"/>
      <c r="G102" s="12"/>
      <c r="H102" s="12"/>
      <c r="I102" s="12"/>
      <c r="J102" s="12"/>
    </row>
    <row r="103" spans="1:10" x14ac:dyDescent="0.25">
      <c r="A103" s="10" t="s">
        <v>7</v>
      </c>
      <c r="B103" s="10" t="s">
        <v>7</v>
      </c>
      <c r="C103" s="14" t="s">
        <v>7</v>
      </c>
      <c r="D103" s="12"/>
      <c r="E103" s="12"/>
      <c r="F103" s="12"/>
      <c r="G103" s="12"/>
      <c r="H103" s="12"/>
      <c r="I103" s="12"/>
      <c r="J103" s="12"/>
    </row>
    <row r="104" spans="1:10" x14ac:dyDescent="0.25">
      <c r="A104" s="2" t="s">
        <v>147</v>
      </c>
      <c r="B104" s="4" t="s">
        <v>800</v>
      </c>
      <c r="C104" s="13">
        <v>922523553.17999995</v>
      </c>
      <c r="D104" s="12"/>
      <c r="E104" s="12"/>
      <c r="F104" s="12"/>
      <c r="G104" s="12"/>
      <c r="H104" s="12"/>
      <c r="I104" s="12"/>
      <c r="J104" s="12"/>
    </row>
    <row r="105" spans="1:10" x14ac:dyDescent="0.25">
      <c r="C105" s="12"/>
      <c r="D105" s="12"/>
      <c r="E105" s="12"/>
      <c r="F105" s="12"/>
      <c r="G105" s="12"/>
      <c r="H105" s="12"/>
      <c r="I105" s="12"/>
      <c r="J105" s="12"/>
    </row>
    <row r="106" spans="1:10" x14ac:dyDescent="0.25">
      <c r="A106" s="10" t="s">
        <v>6</v>
      </c>
      <c r="B106" s="10" t="s">
        <v>801</v>
      </c>
      <c r="C106" s="14" t="s">
        <v>799</v>
      </c>
      <c r="D106" s="12"/>
      <c r="E106" s="12"/>
      <c r="F106" s="12"/>
      <c r="G106" s="12"/>
      <c r="H106" s="12"/>
      <c r="I106" s="12"/>
      <c r="J106" s="12"/>
    </row>
    <row r="107" spans="1:10" x14ac:dyDescent="0.25">
      <c r="A107" s="10" t="s">
        <v>7</v>
      </c>
      <c r="B107" s="10" t="s">
        <v>7</v>
      </c>
      <c r="C107" s="14" t="s">
        <v>7</v>
      </c>
      <c r="D107" s="12"/>
      <c r="E107" s="12"/>
      <c r="F107" s="12"/>
      <c r="G107" s="12"/>
      <c r="H107" s="12"/>
      <c r="I107" s="12"/>
      <c r="J107" s="12"/>
    </row>
    <row r="108" spans="1:10" x14ac:dyDescent="0.25">
      <c r="A108" s="2" t="s">
        <v>149</v>
      </c>
      <c r="B108" s="4" t="s">
        <v>802</v>
      </c>
      <c r="C108" s="13">
        <v>79076051.780000001</v>
      </c>
      <c r="D108" s="12"/>
      <c r="E108" s="12"/>
      <c r="F108" s="12"/>
      <c r="G108" s="12"/>
      <c r="H108" s="12"/>
      <c r="I108" s="12"/>
      <c r="J108" s="12"/>
    </row>
    <row r="109" spans="1:10" x14ac:dyDescent="0.25">
      <c r="A109" s="2" t="s">
        <v>151</v>
      </c>
      <c r="B109" s="4" t="s">
        <v>803</v>
      </c>
      <c r="C109" s="13">
        <v>0</v>
      </c>
      <c r="D109" s="12"/>
      <c r="E109" s="12"/>
      <c r="F109" s="12"/>
      <c r="G109" s="12"/>
      <c r="H109" s="12"/>
      <c r="I109" s="12"/>
      <c r="J109" s="12"/>
    </row>
    <row r="110" spans="1:10" x14ac:dyDescent="0.25">
      <c r="A110" s="2" t="s">
        <v>153</v>
      </c>
      <c r="B110" s="4" t="s">
        <v>804</v>
      </c>
      <c r="C110" s="13">
        <v>0</v>
      </c>
      <c r="D110" s="12"/>
      <c r="E110" s="12"/>
      <c r="F110" s="12"/>
      <c r="G110" s="12"/>
      <c r="H110" s="12"/>
      <c r="I110" s="12"/>
      <c r="J110" s="12"/>
    </row>
    <row r="111" spans="1:10" x14ac:dyDescent="0.25">
      <c r="A111" s="2" t="s">
        <v>154</v>
      </c>
      <c r="B111" s="4" t="s">
        <v>805</v>
      </c>
      <c r="C111" s="13">
        <v>-183902512.06999999</v>
      </c>
      <c r="D111" s="12"/>
      <c r="E111" s="12"/>
      <c r="F111" s="12"/>
      <c r="G111" s="12"/>
      <c r="H111" s="12"/>
      <c r="I111" s="12"/>
      <c r="J111" s="12"/>
    </row>
    <row r="112" spans="1:10" x14ac:dyDescent="0.25">
      <c r="A112" s="2" t="s">
        <v>155</v>
      </c>
      <c r="B112" s="4" t="s">
        <v>806</v>
      </c>
      <c r="C112" s="13">
        <v>189154944.66999999</v>
      </c>
      <c r="D112" s="12"/>
      <c r="E112" s="12"/>
      <c r="F112" s="12"/>
      <c r="G112" s="12"/>
      <c r="H112" s="12"/>
      <c r="I112" s="12"/>
      <c r="J112" s="12"/>
    </row>
    <row r="113" spans="1:10" x14ac:dyDescent="0.25">
      <c r="A113" s="2" t="s">
        <v>157</v>
      </c>
      <c r="B113" s="4" t="s">
        <v>807</v>
      </c>
      <c r="C113" s="13">
        <v>0</v>
      </c>
      <c r="D113" s="12"/>
      <c r="E113" s="12"/>
      <c r="F113" s="12"/>
      <c r="G113" s="12"/>
      <c r="H113" s="12"/>
      <c r="I113" s="12"/>
      <c r="J113" s="12"/>
    </row>
    <row r="114" spans="1:10" x14ac:dyDescent="0.25">
      <c r="A114" s="2" t="s">
        <v>159</v>
      </c>
      <c r="B114" s="4" t="s">
        <v>808</v>
      </c>
      <c r="C114" s="13">
        <v>0</v>
      </c>
      <c r="D114" s="12"/>
      <c r="E114" s="12"/>
      <c r="F114" s="12"/>
      <c r="G114" s="12"/>
      <c r="H114" s="12"/>
      <c r="I114" s="12"/>
      <c r="J114" s="12"/>
    </row>
    <row r="115" spans="1:10" x14ac:dyDescent="0.25">
      <c r="A115" s="2" t="s">
        <v>161</v>
      </c>
      <c r="B115" s="4" t="s">
        <v>809</v>
      </c>
      <c r="C115" s="13">
        <v>470390044.66000003</v>
      </c>
      <c r="D115" s="12"/>
      <c r="E115" s="12"/>
      <c r="F115" s="12"/>
      <c r="G115" s="12"/>
      <c r="H115" s="12"/>
      <c r="I115" s="12"/>
      <c r="J115" s="12"/>
    </row>
    <row r="116" spans="1:10" x14ac:dyDescent="0.25">
      <c r="C116" s="12"/>
      <c r="D116" s="12"/>
      <c r="E116" s="12"/>
      <c r="F116" s="12"/>
      <c r="G116" s="12"/>
      <c r="H116" s="12"/>
      <c r="I116" s="12"/>
      <c r="J116" s="12"/>
    </row>
    <row r="117" spans="1:10" x14ac:dyDescent="0.25">
      <c r="A117" s="10" t="s">
        <v>6</v>
      </c>
      <c r="B117" s="10" t="s">
        <v>810</v>
      </c>
      <c r="C117" s="14" t="s">
        <v>639</v>
      </c>
      <c r="D117" s="12"/>
      <c r="E117" s="12"/>
      <c r="F117" s="12"/>
      <c r="G117" s="12"/>
      <c r="H117" s="12"/>
      <c r="I117" s="12"/>
      <c r="J117" s="12"/>
    </row>
    <row r="118" spans="1:10" x14ac:dyDescent="0.25">
      <c r="A118" s="10" t="s">
        <v>7</v>
      </c>
      <c r="B118" s="10" t="s">
        <v>7</v>
      </c>
      <c r="C118" s="14" t="s">
        <v>7</v>
      </c>
      <c r="D118" s="12"/>
      <c r="E118" s="12"/>
      <c r="F118" s="12"/>
      <c r="G118" s="12"/>
      <c r="H118" s="12"/>
      <c r="I118" s="12"/>
      <c r="J118" s="12"/>
    </row>
    <row r="119" spans="1:10" x14ac:dyDescent="0.25">
      <c r="A119" s="2" t="s">
        <v>163</v>
      </c>
      <c r="B119" s="4" t="s">
        <v>811</v>
      </c>
      <c r="C119" s="13">
        <v>441612430.11000001</v>
      </c>
      <c r="D119" s="12"/>
      <c r="E119" s="12"/>
      <c r="F119" s="12"/>
      <c r="G119" s="12"/>
      <c r="H119" s="12"/>
      <c r="I119" s="12"/>
      <c r="J119" s="12"/>
    </row>
    <row r="120" spans="1:10" x14ac:dyDescent="0.25">
      <c r="C120" s="12"/>
      <c r="D120" s="12"/>
      <c r="E120" s="12"/>
      <c r="F120" s="12"/>
      <c r="G120" s="12"/>
      <c r="H120" s="12"/>
      <c r="I120" s="12"/>
      <c r="J120" s="12"/>
    </row>
    <row r="121" spans="1:10" x14ac:dyDescent="0.25">
      <c r="A121" s="10" t="s">
        <v>6</v>
      </c>
      <c r="B121" s="10" t="s">
        <v>812</v>
      </c>
      <c r="C121" s="14" t="s">
        <v>639</v>
      </c>
      <c r="D121" s="12"/>
      <c r="E121" s="12"/>
      <c r="F121" s="12"/>
      <c r="G121" s="12"/>
      <c r="H121" s="12"/>
      <c r="I121" s="12"/>
      <c r="J121" s="12"/>
    </row>
    <row r="122" spans="1:10" x14ac:dyDescent="0.25">
      <c r="A122" s="10" t="s">
        <v>7</v>
      </c>
      <c r="B122" s="10" t="s">
        <v>7</v>
      </c>
      <c r="C122" s="14" t="s">
        <v>7</v>
      </c>
      <c r="D122" s="12"/>
      <c r="E122" s="12"/>
      <c r="F122" s="12"/>
      <c r="G122" s="12"/>
      <c r="H122" s="12"/>
      <c r="I122" s="12"/>
      <c r="J122" s="12"/>
    </row>
    <row r="123" spans="1:10" x14ac:dyDescent="0.25">
      <c r="A123" s="3" t="s">
        <v>165</v>
      </c>
      <c r="B123" s="5" t="s">
        <v>813</v>
      </c>
      <c r="C123" s="11">
        <v>2804298405.0900002</v>
      </c>
      <c r="D123" s="12"/>
      <c r="E123" s="12"/>
      <c r="F123" s="12"/>
      <c r="G123" s="12"/>
      <c r="H123" s="12"/>
      <c r="I123" s="12"/>
      <c r="J123" s="12"/>
    </row>
    <row r="124" spans="1:10" x14ac:dyDescent="0.25">
      <c r="A124" s="2" t="s">
        <v>178</v>
      </c>
      <c r="B124" s="4" t="s">
        <v>164</v>
      </c>
      <c r="C124" s="13">
        <v>0</v>
      </c>
      <c r="D124" s="12"/>
      <c r="E124" s="12"/>
      <c r="F124" s="12"/>
      <c r="G124" s="12"/>
      <c r="H124" s="12"/>
      <c r="I124" s="12"/>
      <c r="J124" s="12"/>
    </row>
    <row r="125" spans="1:10" x14ac:dyDescent="0.25">
      <c r="A125" s="2" t="s">
        <v>180</v>
      </c>
      <c r="B125" s="4" t="s">
        <v>814</v>
      </c>
      <c r="C125" s="13">
        <v>2804298405.0900002</v>
      </c>
      <c r="D125" s="12"/>
      <c r="E125" s="12"/>
      <c r="F125" s="12"/>
      <c r="G125" s="12"/>
      <c r="H125" s="12"/>
      <c r="I125" s="12"/>
      <c r="J125" s="12"/>
    </row>
    <row r="126" spans="1:10" x14ac:dyDescent="0.25">
      <c r="A126" s="2" t="s">
        <v>182</v>
      </c>
      <c r="B126" s="4" t="s">
        <v>641</v>
      </c>
      <c r="C126" s="13">
        <v>0</v>
      </c>
      <c r="D126" s="12"/>
      <c r="E126" s="12"/>
      <c r="F126" s="12"/>
      <c r="G126" s="12"/>
      <c r="H126" s="12"/>
      <c r="I126" s="12"/>
      <c r="J126" s="12"/>
    </row>
  </sheetData>
  <mergeCells count="43">
    <mergeCell ref="A117:A118"/>
    <mergeCell ref="B117:B118"/>
    <mergeCell ref="C117:C118"/>
    <mergeCell ref="A121:A122"/>
    <mergeCell ref="B121:B122"/>
    <mergeCell ref="C121:C122"/>
    <mergeCell ref="A102:A103"/>
    <mergeCell ref="B102:B103"/>
    <mergeCell ref="C102:C103"/>
    <mergeCell ref="A106:A107"/>
    <mergeCell ref="B106:B107"/>
    <mergeCell ref="C106:C107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topLeftCell="A6" workbookViewId="0">
      <selection activeCell="C12" sqref="C12:N40"/>
    </sheetView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815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816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817</v>
      </c>
      <c r="C10" s="10" t="s">
        <v>818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824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831</v>
      </c>
    </row>
    <row r="11" spans="1:14" ht="63" x14ac:dyDescent="0.25">
      <c r="A11" s="10" t="s">
        <v>7</v>
      </c>
      <c r="B11" s="10" t="s">
        <v>7</v>
      </c>
      <c r="C11" s="1" t="s">
        <v>819</v>
      </c>
      <c r="D11" s="1" t="s">
        <v>820</v>
      </c>
      <c r="E11" s="1" t="s">
        <v>821</v>
      </c>
      <c r="F11" s="1" t="s">
        <v>822</v>
      </c>
      <c r="G11" s="1" t="s">
        <v>823</v>
      </c>
      <c r="H11" s="1" t="s">
        <v>825</v>
      </c>
      <c r="I11" s="1" t="s">
        <v>826</v>
      </c>
      <c r="J11" s="1" t="s">
        <v>827</v>
      </c>
      <c r="K11" s="1" t="s">
        <v>828</v>
      </c>
      <c r="L11" s="1" t="s">
        <v>829</v>
      </c>
      <c r="M11" s="1" t="s">
        <v>830</v>
      </c>
      <c r="N11" s="10" t="s">
        <v>7</v>
      </c>
    </row>
    <row r="12" spans="1:14" x14ac:dyDescent="0.25">
      <c r="A12" s="3" t="s">
        <v>17</v>
      </c>
      <c r="B12" s="5" t="s">
        <v>832</v>
      </c>
      <c r="C12" s="11">
        <v>57989275.469999999</v>
      </c>
      <c r="D12" s="11">
        <v>90841684.670000002</v>
      </c>
      <c r="E12" s="11">
        <v>89956190.200000003</v>
      </c>
      <c r="F12" s="11">
        <v>18962366.66</v>
      </c>
      <c r="G12" s="11">
        <v>39912403.280000001</v>
      </c>
      <c r="H12" s="11">
        <v>62589881.68</v>
      </c>
      <c r="I12" s="11">
        <v>948742763.49000001</v>
      </c>
      <c r="J12" s="11">
        <v>610364944.75999999</v>
      </c>
      <c r="K12" s="11">
        <v>600213865.51999998</v>
      </c>
      <c r="L12" s="11">
        <v>97214144.920000002</v>
      </c>
      <c r="M12" s="11">
        <v>313904634.73000002</v>
      </c>
      <c r="N12" s="11">
        <v>353817038.00999999</v>
      </c>
    </row>
    <row r="13" spans="1:14" x14ac:dyDescent="0.25">
      <c r="A13" s="2" t="s">
        <v>19</v>
      </c>
      <c r="B13" s="4" t="s">
        <v>833</v>
      </c>
      <c r="C13" s="13">
        <v>57989275.310000002</v>
      </c>
      <c r="D13" s="13">
        <v>75760443.819999993</v>
      </c>
      <c r="E13" s="13">
        <v>74902251.390000001</v>
      </c>
      <c r="F13" s="13">
        <v>18935064.460000001</v>
      </c>
      <c r="G13" s="13">
        <v>39912403.280000001</v>
      </c>
      <c r="H13" s="13">
        <v>61774663.950000003</v>
      </c>
      <c r="I13" s="13">
        <v>877808695.11000001</v>
      </c>
      <c r="J13" s="13">
        <v>567790217.69000006</v>
      </c>
      <c r="K13" s="13">
        <v>557639138.45000005</v>
      </c>
      <c r="L13" s="13">
        <v>90105215.760000005</v>
      </c>
      <c r="M13" s="13">
        <v>291839004.85000002</v>
      </c>
      <c r="N13" s="13">
        <v>331751408.13</v>
      </c>
    </row>
    <row r="14" spans="1:14" x14ac:dyDescent="0.25">
      <c r="A14" s="3" t="s">
        <v>21</v>
      </c>
      <c r="B14" s="5" t="s">
        <v>834</v>
      </c>
      <c r="C14" s="11">
        <v>0</v>
      </c>
      <c r="D14" s="11">
        <v>4007941.41</v>
      </c>
      <c r="E14" s="11">
        <v>4007941.41</v>
      </c>
      <c r="F14" s="11">
        <v>0</v>
      </c>
      <c r="G14" s="11">
        <v>0</v>
      </c>
      <c r="H14" s="11">
        <v>815217.73</v>
      </c>
      <c r="I14" s="11">
        <v>12006784.75</v>
      </c>
      <c r="J14" s="11">
        <v>8124347.46</v>
      </c>
      <c r="K14" s="11">
        <v>8124347.46</v>
      </c>
      <c r="L14" s="11">
        <v>1074391.51</v>
      </c>
      <c r="M14" s="11">
        <v>3623263.51</v>
      </c>
      <c r="N14" s="11">
        <v>3623263.51</v>
      </c>
    </row>
    <row r="15" spans="1:14" x14ac:dyDescent="0.25">
      <c r="A15" s="2" t="s">
        <v>23</v>
      </c>
      <c r="B15" s="4" t="s">
        <v>835</v>
      </c>
      <c r="C15" s="13">
        <v>0</v>
      </c>
      <c r="D15" s="13">
        <v>3334180.51</v>
      </c>
      <c r="E15" s="13">
        <v>3334180.51</v>
      </c>
      <c r="F15" s="13">
        <v>0</v>
      </c>
      <c r="G15" s="13">
        <v>0</v>
      </c>
      <c r="H15" s="13">
        <v>815217.73</v>
      </c>
      <c r="I15" s="13">
        <v>6326691.0800000001</v>
      </c>
      <c r="J15" s="13">
        <v>3518645.3</v>
      </c>
      <c r="K15" s="13">
        <v>3518645.3</v>
      </c>
      <c r="L15" s="13">
        <v>0</v>
      </c>
      <c r="M15" s="13">
        <v>3623263.51</v>
      </c>
      <c r="N15" s="13">
        <v>3623263.51</v>
      </c>
    </row>
    <row r="16" spans="1:14" x14ac:dyDescent="0.25">
      <c r="A16" s="2" t="s">
        <v>25</v>
      </c>
      <c r="B16" s="4" t="s">
        <v>836</v>
      </c>
      <c r="C16" s="13">
        <v>0</v>
      </c>
      <c r="D16" s="13">
        <v>673760.9</v>
      </c>
      <c r="E16" s="13">
        <v>673760.9</v>
      </c>
      <c r="F16" s="13">
        <v>0</v>
      </c>
      <c r="G16" s="13">
        <v>0</v>
      </c>
      <c r="H16" s="13">
        <v>0</v>
      </c>
      <c r="I16" s="13">
        <v>5620093.6699999999</v>
      </c>
      <c r="J16" s="13">
        <v>4545702.16</v>
      </c>
      <c r="K16" s="13">
        <v>4545702.16</v>
      </c>
      <c r="L16" s="13">
        <v>1074391.51</v>
      </c>
      <c r="M16" s="13">
        <v>0</v>
      </c>
      <c r="N16" s="13">
        <v>0</v>
      </c>
    </row>
    <row r="17" spans="1:14" x14ac:dyDescent="0.25">
      <c r="A17" s="2" t="s">
        <v>27</v>
      </c>
      <c r="B17" s="4" t="s">
        <v>837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60000</v>
      </c>
      <c r="J17" s="13">
        <v>60000</v>
      </c>
      <c r="K17" s="13">
        <v>60000</v>
      </c>
      <c r="L17" s="13">
        <v>0</v>
      </c>
      <c r="M17" s="13">
        <v>0</v>
      </c>
      <c r="N17" s="13">
        <v>0</v>
      </c>
    </row>
    <row r="18" spans="1:14" x14ac:dyDescent="0.25">
      <c r="A18" s="3" t="s">
        <v>29</v>
      </c>
      <c r="B18" s="5" t="s">
        <v>838</v>
      </c>
      <c r="C18" s="11">
        <v>0.16</v>
      </c>
      <c r="D18" s="11">
        <v>3788905.55</v>
      </c>
      <c r="E18" s="11">
        <v>3761603.51</v>
      </c>
      <c r="F18" s="11">
        <v>27302.2</v>
      </c>
      <c r="G18" s="11">
        <v>0</v>
      </c>
      <c r="H18" s="11">
        <v>0</v>
      </c>
      <c r="I18" s="11">
        <v>22162350.27</v>
      </c>
      <c r="J18" s="11">
        <v>16705193.539999999</v>
      </c>
      <c r="K18" s="11">
        <v>16705193.539999999</v>
      </c>
      <c r="L18" s="11">
        <v>4928933.12</v>
      </c>
      <c r="M18" s="11">
        <v>528223.61</v>
      </c>
      <c r="N18" s="11">
        <v>528223.61</v>
      </c>
    </row>
    <row r="19" spans="1:14" x14ac:dyDescent="0.25">
      <c r="A19" s="2" t="s">
        <v>31</v>
      </c>
      <c r="B19" s="4" t="s">
        <v>839</v>
      </c>
      <c r="C19" s="13">
        <v>0.16</v>
      </c>
      <c r="D19" s="13">
        <v>2444872.67</v>
      </c>
      <c r="E19" s="13">
        <v>2417570.63</v>
      </c>
      <c r="F19" s="13">
        <v>27302.2</v>
      </c>
      <c r="G19" s="13">
        <v>0</v>
      </c>
      <c r="H19" s="13">
        <v>0</v>
      </c>
      <c r="I19" s="13">
        <v>685000</v>
      </c>
      <c r="J19" s="13">
        <v>670663.01</v>
      </c>
      <c r="K19" s="13">
        <v>670663.01</v>
      </c>
      <c r="L19" s="13">
        <v>0</v>
      </c>
      <c r="M19" s="13">
        <v>14336.99</v>
      </c>
      <c r="N19" s="13">
        <v>14336.99</v>
      </c>
    </row>
    <row r="20" spans="1:14" x14ac:dyDescent="0.25">
      <c r="A20" s="2" t="s">
        <v>33</v>
      </c>
      <c r="B20" s="4" t="s">
        <v>840</v>
      </c>
      <c r="C20" s="13">
        <v>0</v>
      </c>
      <c r="D20" s="13">
        <v>1344032.88</v>
      </c>
      <c r="E20" s="13">
        <v>1344032.88</v>
      </c>
      <c r="F20" s="13">
        <v>0</v>
      </c>
      <c r="G20" s="13">
        <v>0</v>
      </c>
      <c r="H20" s="13">
        <v>0</v>
      </c>
      <c r="I20" s="13">
        <v>21477350.27</v>
      </c>
      <c r="J20" s="13">
        <v>16034530.529999999</v>
      </c>
      <c r="K20" s="13">
        <v>16034530.529999999</v>
      </c>
      <c r="L20" s="13">
        <v>4928933.12</v>
      </c>
      <c r="M20" s="13">
        <v>513886.62</v>
      </c>
      <c r="N20" s="13">
        <v>513886.62</v>
      </c>
    </row>
    <row r="21" spans="1:14" x14ac:dyDescent="0.25">
      <c r="A21" s="3" t="s">
        <v>35</v>
      </c>
      <c r="B21" s="5" t="s">
        <v>841</v>
      </c>
      <c r="C21" s="11">
        <v>0</v>
      </c>
      <c r="D21" s="11">
        <v>6820249.0099999998</v>
      </c>
      <c r="E21" s="11">
        <v>6820249.0099999998</v>
      </c>
      <c r="F21" s="11">
        <v>0</v>
      </c>
      <c r="G21" s="11">
        <v>0</v>
      </c>
      <c r="H21" s="11">
        <v>0</v>
      </c>
      <c r="I21" s="11">
        <v>34568944.939999998</v>
      </c>
      <c r="J21" s="11">
        <v>16474051.49</v>
      </c>
      <c r="K21" s="11">
        <v>16474051.49</v>
      </c>
      <c r="L21" s="11">
        <v>273973.01</v>
      </c>
      <c r="M21" s="11">
        <v>17820920.440000001</v>
      </c>
      <c r="N21" s="11">
        <v>17820920.440000001</v>
      </c>
    </row>
    <row r="22" spans="1:14" x14ac:dyDescent="0.25">
      <c r="A22" s="2" t="s">
        <v>37</v>
      </c>
      <c r="B22" s="4" t="s">
        <v>842</v>
      </c>
      <c r="C22" s="13">
        <v>0</v>
      </c>
      <c r="D22" s="13">
        <v>6820249.0099999998</v>
      </c>
      <c r="E22" s="13">
        <v>6820249.0099999998</v>
      </c>
      <c r="F22" s="13">
        <v>0</v>
      </c>
      <c r="G22" s="13">
        <v>0</v>
      </c>
      <c r="H22" s="13">
        <v>0</v>
      </c>
      <c r="I22" s="13">
        <v>7720499.4100000001</v>
      </c>
      <c r="J22" s="13">
        <v>6129202.2300000004</v>
      </c>
      <c r="K22" s="13">
        <v>6129202.2300000004</v>
      </c>
      <c r="L22" s="13">
        <v>115320.87</v>
      </c>
      <c r="M22" s="13">
        <v>1475976.31</v>
      </c>
      <c r="N22" s="13">
        <v>1475976.31</v>
      </c>
    </row>
    <row r="23" spans="1:14" x14ac:dyDescent="0.25">
      <c r="A23" s="2" t="s">
        <v>39</v>
      </c>
      <c r="B23" s="4" t="s">
        <v>843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26848445.530000001</v>
      </c>
      <c r="J23" s="13">
        <v>10344849.26</v>
      </c>
      <c r="K23" s="13">
        <v>10344849.26</v>
      </c>
      <c r="L23" s="13">
        <v>158652.14000000001</v>
      </c>
      <c r="M23" s="13">
        <v>16344944.130000001</v>
      </c>
      <c r="N23" s="13">
        <v>16344944.130000001</v>
      </c>
    </row>
    <row r="24" spans="1:14" x14ac:dyDescent="0.25">
      <c r="A24" s="2" t="s">
        <v>41</v>
      </c>
      <c r="B24" s="4" t="s">
        <v>844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</row>
    <row r="25" spans="1:14" x14ac:dyDescent="0.25">
      <c r="A25" s="2" t="s">
        <v>43</v>
      </c>
      <c r="B25" s="4" t="s">
        <v>845</v>
      </c>
      <c r="C25" s="13">
        <v>0</v>
      </c>
      <c r="D25" s="13">
        <v>464144.88</v>
      </c>
      <c r="E25" s="13">
        <v>464144.88</v>
      </c>
      <c r="F25" s="13">
        <v>0</v>
      </c>
      <c r="G25" s="13">
        <v>0</v>
      </c>
      <c r="H25" s="13">
        <v>0</v>
      </c>
      <c r="I25" s="13">
        <v>2195988.42</v>
      </c>
      <c r="J25" s="13">
        <v>1271134.58</v>
      </c>
      <c r="K25" s="13">
        <v>1271134.58</v>
      </c>
      <c r="L25" s="13">
        <v>831631.52</v>
      </c>
      <c r="M25" s="13">
        <v>93222.32</v>
      </c>
      <c r="N25" s="13">
        <v>93222.32</v>
      </c>
    </row>
    <row r="26" spans="1:14" x14ac:dyDescent="0.25">
      <c r="A26" s="3" t="s">
        <v>45</v>
      </c>
      <c r="B26" s="5" t="s">
        <v>846</v>
      </c>
      <c r="C26" s="11">
        <v>1289161.1599999999</v>
      </c>
      <c r="D26" s="11">
        <v>16334577.1</v>
      </c>
      <c r="E26" s="11">
        <v>16293652.52</v>
      </c>
      <c r="F26" s="11">
        <v>1435.58</v>
      </c>
      <c r="G26" s="11">
        <v>1328650.1599999999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1328650.1599999999</v>
      </c>
    </row>
    <row r="27" spans="1:14" x14ac:dyDescent="0.25">
      <c r="A27" s="2" t="s">
        <v>47</v>
      </c>
      <c r="B27" s="4" t="s">
        <v>847</v>
      </c>
      <c r="C27" s="13">
        <v>1289106.3400000001</v>
      </c>
      <c r="D27" s="13">
        <v>868983.64</v>
      </c>
      <c r="E27" s="13">
        <v>864852.52</v>
      </c>
      <c r="F27" s="13">
        <v>1435.58</v>
      </c>
      <c r="G27" s="13">
        <v>1291801.8799999999</v>
      </c>
      <c r="H27" s="13">
        <v>0</v>
      </c>
      <c r="I27" s="13">
        <v>0</v>
      </c>
      <c r="J27" s="13">
        <v>0</v>
      </c>
      <c r="K27" s="13">
        <v>0</v>
      </c>
      <c r="L27" s="13">
        <v>0</v>
      </c>
      <c r="M27" s="13">
        <v>0</v>
      </c>
      <c r="N27" s="13">
        <v>1291801.8799999999</v>
      </c>
    </row>
    <row r="28" spans="1:14" x14ac:dyDescent="0.25">
      <c r="A28" s="3" t="s">
        <v>49</v>
      </c>
      <c r="B28" s="5" t="s">
        <v>848</v>
      </c>
      <c r="C28" s="11">
        <v>0</v>
      </c>
      <c r="D28" s="11">
        <v>17431.84</v>
      </c>
      <c r="E28" s="11">
        <v>17431.84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835</v>
      </c>
      <c r="C29" s="13">
        <v>0</v>
      </c>
      <c r="D29" s="13">
        <v>16865.52</v>
      </c>
      <c r="E29" s="13">
        <v>16865.52</v>
      </c>
      <c r="F29" s="13">
        <v>0</v>
      </c>
      <c r="G29" s="13">
        <v>0</v>
      </c>
      <c r="H29" s="13">
        <v>0</v>
      </c>
      <c r="I29" s="13">
        <v>0</v>
      </c>
      <c r="J29" s="13">
        <v>0</v>
      </c>
      <c r="K29" s="13">
        <v>0</v>
      </c>
      <c r="L29" s="13">
        <v>0</v>
      </c>
      <c r="M29" s="13">
        <v>0</v>
      </c>
      <c r="N29" s="13">
        <v>0</v>
      </c>
    </row>
    <row r="30" spans="1:14" x14ac:dyDescent="0.25">
      <c r="A30" s="2" t="s">
        <v>53</v>
      </c>
      <c r="B30" s="4" t="s">
        <v>836</v>
      </c>
      <c r="C30" s="13">
        <v>0</v>
      </c>
      <c r="D30" s="13">
        <v>566.32000000000005</v>
      </c>
      <c r="E30" s="13">
        <v>566.32000000000005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  <c r="N30" s="13">
        <v>0</v>
      </c>
    </row>
    <row r="31" spans="1:14" x14ac:dyDescent="0.25">
      <c r="A31" s="2" t="s">
        <v>55</v>
      </c>
      <c r="B31" s="4" t="s">
        <v>837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3">
        <v>0</v>
      </c>
      <c r="K31" s="13">
        <v>0</v>
      </c>
      <c r="L31" s="13">
        <v>0</v>
      </c>
      <c r="M31" s="13">
        <v>0</v>
      </c>
      <c r="N31" s="13">
        <v>0</v>
      </c>
    </row>
    <row r="32" spans="1:14" x14ac:dyDescent="0.25">
      <c r="A32" s="3" t="s">
        <v>57</v>
      </c>
      <c r="B32" s="5" t="s">
        <v>849</v>
      </c>
      <c r="C32" s="11">
        <v>54.82</v>
      </c>
      <c r="D32" s="11">
        <v>13173721.390000001</v>
      </c>
      <c r="E32" s="11">
        <v>13136927.93</v>
      </c>
      <c r="F32" s="11">
        <v>0</v>
      </c>
      <c r="G32" s="11">
        <v>36848.28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36848.28</v>
      </c>
    </row>
    <row r="33" spans="1:14" x14ac:dyDescent="0.25">
      <c r="A33" s="2" t="s">
        <v>59</v>
      </c>
      <c r="B33" s="4" t="s">
        <v>839</v>
      </c>
      <c r="C33" s="13">
        <v>54.82</v>
      </c>
      <c r="D33" s="13">
        <v>13173721.390000001</v>
      </c>
      <c r="E33" s="13">
        <v>13136927.93</v>
      </c>
      <c r="F33" s="13">
        <v>0</v>
      </c>
      <c r="G33" s="13">
        <v>36848.28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  <c r="N33" s="13">
        <v>36848.28</v>
      </c>
    </row>
    <row r="34" spans="1:14" x14ac:dyDescent="0.25">
      <c r="A34" s="2" t="s">
        <v>61</v>
      </c>
      <c r="B34" s="4" t="s">
        <v>840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  <c r="H34" s="13">
        <v>0</v>
      </c>
      <c r="I34" s="13">
        <v>0</v>
      </c>
      <c r="J34" s="13">
        <v>0</v>
      </c>
      <c r="K34" s="13">
        <v>0</v>
      </c>
      <c r="L34" s="13">
        <v>0</v>
      </c>
      <c r="M34" s="13">
        <v>0</v>
      </c>
      <c r="N34" s="13">
        <v>0</v>
      </c>
    </row>
    <row r="35" spans="1:14" x14ac:dyDescent="0.25">
      <c r="A35" s="3" t="s">
        <v>63</v>
      </c>
      <c r="B35" s="5" t="s">
        <v>841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842</v>
      </c>
      <c r="C36" s="13">
        <v>0</v>
      </c>
      <c r="D36" s="13">
        <v>0</v>
      </c>
      <c r="E36" s="13">
        <v>0</v>
      </c>
      <c r="F36" s="13">
        <v>0</v>
      </c>
      <c r="G36" s="13">
        <v>0</v>
      </c>
      <c r="H36" s="13">
        <v>0</v>
      </c>
      <c r="I36" s="13">
        <v>0</v>
      </c>
      <c r="J36" s="13">
        <v>0</v>
      </c>
      <c r="K36" s="13">
        <v>0</v>
      </c>
      <c r="L36" s="13">
        <v>0</v>
      </c>
      <c r="M36" s="13">
        <v>0</v>
      </c>
      <c r="N36" s="13">
        <v>0</v>
      </c>
    </row>
    <row r="37" spans="1:14" x14ac:dyDescent="0.25">
      <c r="A37" s="2" t="s">
        <v>67</v>
      </c>
      <c r="B37" s="4" t="s">
        <v>843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  <c r="J37" s="13">
        <v>0</v>
      </c>
      <c r="K37" s="13">
        <v>0</v>
      </c>
      <c r="L37" s="13">
        <v>0</v>
      </c>
      <c r="M37" s="13">
        <v>0</v>
      </c>
      <c r="N37" s="13">
        <v>0</v>
      </c>
    </row>
    <row r="38" spans="1:14" x14ac:dyDescent="0.25">
      <c r="A38" s="2" t="s">
        <v>69</v>
      </c>
      <c r="B38" s="4" t="s">
        <v>844</v>
      </c>
      <c r="C38" s="13">
        <v>0</v>
      </c>
      <c r="D38" s="13">
        <v>0</v>
      </c>
      <c r="E38" s="13">
        <v>0</v>
      </c>
      <c r="F38" s="13">
        <v>0</v>
      </c>
      <c r="G38" s="13">
        <v>0</v>
      </c>
      <c r="H38" s="13">
        <v>0</v>
      </c>
      <c r="I38" s="13">
        <v>0</v>
      </c>
      <c r="J38" s="13">
        <v>0</v>
      </c>
      <c r="K38" s="13">
        <v>0</v>
      </c>
      <c r="L38" s="13">
        <v>0</v>
      </c>
      <c r="M38" s="13">
        <v>0</v>
      </c>
      <c r="N38" s="13">
        <v>0</v>
      </c>
    </row>
    <row r="39" spans="1:14" x14ac:dyDescent="0.25">
      <c r="A39" s="2" t="s">
        <v>71</v>
      </c>
      <c r="B39" s="4" t="s">
        <v>845</v>
      </c>
      <c r="C39" s="13">
        <v>0</v>
      </c>
      <c r="D39" s="13">
        <v>2274440.23</v>
      </c>
      <c r="E39" s="13">
        <v>2274440.23</v>
      </c>
      <c r="F39" s="13">
        <v>0</v>
      </c>
      <c r="G39" s="13">
        <v>0</v>
      </c>
      <c r="H39" s="13">
        <v>0</v>
      </c>
      <c r="I39" s="13">
        <v>0</v>
      </c>
      <c r="J39" s="13">
        <v>0</v>
      </c>
      <c r="K39" s="13">
        <v>0</v>
      </c>
      <c r="L39" s="13">
        <v>0</v>
      </c>
      <c r="M39" s="13">
        <v>0</v>
      </c>
      <c r="N39" s="13">
        <v>0</v>
      </c>
    </row>
    <row r="40" spans="1:14" x14ac:dyDescent="0.25">
      <c r="A40" s="3" t="s">
        <v>73</v>
      </c>
      <c r="B40" s="5" t="s">
        <v>850</v>
      </c>
      <c r="C40" s="11">
        <v>59278436.630000003</v>
      </c>
      <c r="D40" s="11">
        <v>107176261.77</v>
      </c>
      <c r="E40" s="11">
        <v>106249842.72</v>
      </c>
      <c r="F40" s="11">
        <v>18963802.239999998</v>
      </c>
      <c r="G40" s="11">
        <v>41241053.439999998</v>
      </c>
      <c r="H40" s="11">
        <v>62589881.68</v>
      </c>
      <c r="I40" s="11">
        <v>948742763.49000001</v>
      </c>
      <c r="J40" s="11">
        <v>610364944.75999999</v>
      </c>
      <c r="K40" s="11">
        <v>600213865.51999998</v>
      </c>
      <c r="L40" s="11">
        <v>97214144.920000002</v>
      </c>
      <c r="M40" s="11">
        <v>313904634.73000002</v>
      </c>
      <c r="N40" s="11">
        <v>355145688.17000002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207"/>
  <sheetViews>
    <sheetView showGridLines="0" workbookViewId="0"/>
  </sheetViews>
  <sheetFormatPr defaultRowHeight="15" x14ac:dyDescent="0.25"/>
  <cols>
    <col min="1" max="1" width="2.7109375" bestFit="1" customWidth="1"/>
    <col min="2" max="2" width="128" bestFit="1" customWidth="1"/>
    <col min="3" max="4" width="20.140625" bestFit="1" customWidth="1"/>
    <col min="5" max="6" width="19" bestFit="1" customWidth="1"/>
    <col min="7" max="7" width="16" bestFit="1" customWidth="1"/>
    <col min="8" max="8" width="9.2851562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851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852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853</v>
      </c>
      <c r="C10" s="10" t="s">
        <v>10</v>
      </c>
      <c r="D10" s="10" t="s">
        <v>604</v>
      </c>
    </row>
    <row r="11" spans="1:8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8" x14ac:dyDescent="0.25">
      <c r="A12" s="3" t="s">
        <v>17</v>
      </c>
      <c r="B12" s="5" t="s">
        <v>854</v>
      </c>
      <c r="C12" s="11">
        <v>14767831383.77</v>
      </c>
      <c r="D12" s="11">
        <v>11100124031.059999</v>
      </c>
      <c r="E12" s="12"/>
      <c r="F12" s="12"/>
      <c r="G12" s="12"/>
      <c r="H12" s="12"/>
    </row>
    <row r="13" spans="1:8" x14ac:dyDescent="0.25">
      <c r="A13" s="3" t="s">
        <v>19</v>
      </c>
      <c r="B13" s="5" t="s">
        <v>855</v>
      </c>
      <c r="C13" s="11">
        <v>12515606283.77</v>
      </c>
      <c r="D13" s="11">
        <v>9284898523.8899994</v>
      </c>
      <c r="E13" s="12"/>
      <c r="F13" s="12"/>
      <c r="G13" s="12"/>
      <c r="H13" s="12"/>
    </row>
    <row r="14" spans="1:8" x14ac:dyDescent="0.25">
      <c r="A14" s="2" t="s">
        <v>21</v>
      </c>
      <c r="B14" s="4" t="s">
        <v>856</v>
      </c>
      <c r="C14" s="13">
        <v>12400072183.77</v>
      </c>
      <c r="D14" s="13">
        <v>9221113087.8999996</v>
      </c>
      <c r="E14" s="12"/>
      <c r="F14" s="12"/>
      <c r="G14" s="12"/>
      <c r="H14" s="12"/>
    </row>
    <row r="15" spans="1:8" x14ac:dyDescent="0.25">
      <c r="A15" s="2" t="s">
        <v>23</v>
      </c>
      <c r="B15" s="4" t="s">
        <v>857</v>
      </c>
      <c r="C15" s="13">
        <v>115534100</v>
      </c>
      <c r="D15" s="13">
        <v>63785435.990000002</v>
      </c>
      <c r="E15" s="12"/>
      <c r="F15" s="12"/>
      <c r="G15" s="12"/>
      <c r="H15" s="12"/>
    </row>
    <row r="16" spans="1:8" x14ac:dyDescent="0.25">
      <c r="A16" s="2" t="s">
        <v>25</v>
      </c>
      <c r="B16" s="4" t="s">
        <v>858</v>
      </c>
      <c r="C16" s="13">
        <v>295720100</v>
      </c>
      <c r="D16" s="13">
        <v>262263828.13999999</v>
      </c>
      <c r="E16" s="12"/>
      <c r="F16" s="12"/>
      <c r="G16" s="12"/>
      <c r="H16" s="12"/>
    </row>
    <row r="17" spans="1:8" x14ac:dyDescent="0.25">
      <c r="A17" s="2" t="s">
        <v>27</v>
      </c>
      <c r="B17" s="4" t="s">
        <v>859</v>
      </c>
      <c r="C17" s="13">
        <v>925275000</v>
      </c>
      <c r="D17" s="13">
        <v>793005721.73000002</v>
      </c>
      <c r="E17" s="12"/>
      <c r="F17" s="12"/>
      <c r="G17" s="12"/>
      <c r="H17" s="12"/>
    </row>
    <row r="18" spans="1:8" x14ac:dyDescent="0.25">
      <c r="A18" s="2" t="s">
        <v>29</v>
      </c>
      <c r="B18" s="4" t="s">
        <v>860</v>
      </c>
      <c r="C18" s="13">
        <v>1031230000</v>
      </c>
      <c r="D18" s="13">
        <v>759955957.29999995</v>
      </c>
      <c r="E18" s="12"/>
      <c r="F18" s="12"/>
      <c r="G18" s="12"/>
      <c r="H18" s="12"/>
    </row>
    <row r="19" spans="1:8" x14ac:dyDescent="0.25">
      <c r="A19" s="3" t="s">
        <v>31</v>
      </c>
      <c r="B19" s="5" t="s">
        <v>861</v>
      </c>
      <c r="C19" s="11">
        <v>1438221100</v>
      </c>
      <c r="D19" s="11">
        <v>1507625680.8</v>
      </c>
      <c r="E19" s="12"/>
      <c r="F19" s="12"/>
      <c r="G19" s="12"/>
      <c r="H19" s="12"/>
    </row>
    <row r="20" spans="1:8" x14ac:dyDescent="0.25">
      <c r="A20" s="2" t="s">
        <v>33</v>
      </c>
      <c r="B20" s="4" t="s">
        <v>862</v>
      </c>
      <c r="C20" s="13">
        <v>1323420200</v>
      </c>
      <c r="D20" s="13">
        <v>1427205915.9300001</v>
      </c>
      <c r="E20" s="12"/>
      <c r="F20" s="12"/>
      <c r="G20" s="12"/>
      <c r="H20" s="12"/>
    </row>
    <row r="21" spans="1:8" x14ac:dyDescent="0.25">
      <c r="A21" s="2" t="s">
        <v>35</v>
      </c>
      <c r="B21" s="4" t="s">
        <v>863</v>
      </c>
      <c r="C21" s="13">
        <v>114800900</v>
      </c>
      <c r="D21" s="13">
        <v>80419764.870000005</v>
      </c>
      <c r="E21" s="12"/>
      <c r="F21" s="12"/>
      <c r="G21" s="12"/>
      <c r="H21" s="12"/>
    </row>
    <row r="22" spans="1:8" x14ac:dyDescent="0.25">
      <c r="A22" s="2" t="s">
        <v>37</v>
      </c>
      <c r="B22" s="4" t="s">
        <v>864</v>
      </c>
      <c r="C22" s="13">
        <v>0</v>
      </c>
      <c r="D22" s="13">
        <v>0</v>
      </c>
      <c r="E22" s="12"/>
      <c r="F22" s="12"/>
      <c r="G22" s="12"/>
      <c r="H22" s="12"/>
    </row>
    <row r="23" spans="1:8" x14ac:dyDescent="0.25">
      <c r="A23" s="2" t="s">
        <v>39</v>
      </c>
      <c r="B23" s="4" t="s">
        <v>865</v>
      </c>
      <c r="C23" s="13">
        <v>0</v>
      </c>
      <c r="D23" s="13">
        <v>0</v>
      </c>
      <c r="E23" s="12"/>
      <c r="F23" s="12"/>
      <c r="G23" s="12"/>
      <c r="H23" s="12"/>
    </row>
    <row r="24" spans="1:8" x14ac:dyDescent="0.25">
      <c r="A24" s="3" t="s">
        <v>41</v>
      </c>
      <c r="B24" s="5" t="s">
        <v>866</v>
      </c>
      <c r="C24" s="11">
        <v>3490281900</v>
      </c>
      <c r="D24" s="11">
        <v>2721886074.29</v>
      </c>
      <c r="E24" s="12"/>
      <c r="F24" s="12"/>
      <c r="G24" s="12"/>
      <c r="H24" s="12"/>
    </row>
    <row r="25" spans="1:8" x14ac:dyDescent="0.25">
      <c r="A25" s="2" t="s">
        <v>43</v>
      </c>
      <c r="B25" s="4" t="s">
        <v>867</v>
      </c>
      <c r="C25" s="13">
        <v>2998944200</v>
      </c>
      <c r="D25" s="13">
        <v>2305278272.29</v>
      </c>
      <c r="E25" s="12"/>
      <c r="F25" s="12"/>
      <c r="G25" s="12"/>
      <c r="H25" s="12"/>
    </row>
    <row r="26" spans="1:8" x14ac:dyDescent="0.25">
      <c r="A26" s="2" t="s">
        <v>45</v>
      </c>
      <c r="B26" s="4" t="s">
        <v>868</v>
      </c>
      <c r="C26" s="13">
        <v>462637500</v>
      </c>
      <c r="D26" s="13">
        <v>396502860.87</v>
      </c>
      <c r="E26" s="12"/>
      <c r="F26" s="12"/>
      <c r="G26" s="12"/>
      <c r="H26" s="12"/>
    </row>
    <row r="27" spans="1:8" x14ac:dyDescent="0.25">
      <c r="A27" s="2" t="s">
        <v>47</v>
      </c>
      <c r="B27" s="4" t="s">
        <v>869</v>
      </c>
      <c r="C27" s="13">
        <v>28700200</v>
      </c>
      <c r="D27" s="13">
        <v>20104941.129999999</v>
      </c>
      <c r="E27" s="12"/>
      <c r="F27" s="12"/>
      <c r="G27" s="12"/>
      <c r="H27" s="12"/>
    </row>
    <row r="28" spans="1:8" x14ac:dyDescent="0.25">
      <c r="A28" s="3" t="s">
        <v>49</v>
      </c>
      <c r="B28" s="5" t="s">
        <v>870</v>
      </c>
      <c r="C28" s="11">
        <v>12715770583.77</v>
      </c>
      <c r="D28" s="11">
        <v>9885863637.5699997</v>
      </c>
      <c r="E28" s="12"/>
      <c r="F28" s="12"/>
      <c r="G28" s="12"/>
      <c r="H28" s="12"/>
    </row>
    <row r="29" spans="1:8" x14ac:dyDescent="0.25">
      <c r="C29" s="12"/>
      <c r="D29" s="12"/>
      <c r="E29" s="12"/>
      <c r="F29" s="12"/>
      <c r="G29" s="12"/>
      <c r="H29" s="12"/>
    </row>
    <row r="30" spans="1:8" x14ac:dyDescent="0.25">
      <c r="A30" s="10" t="s">
        <v>6</v>
      </c>
      <c r="B30" s="10" t="s">
        <v>871</v>
      </c>
      <c r="C30" s="14" t="s">
        <v>10</v>
      </c>
      <c r="D30" s="14" t="s">
        <v>604</v>
      </c>
      <c r="E30" s="12"/>
      <c r="F30" s="12"/>
      <c r="G30" s="12"/>
      <c r="H30" s="12"/>
    </row>
    <row r="31" spans="1:8" x14ac:dyDescent="0.25">
      <c r="A31" s="10" t="s">
        <v>7</v>
      </c>
      <c r="B31" s="10" t="s">
        <v>7</v>
      </c>
      <c r="C31" s="14" t="s">
        <v>7</v>
      </c>
      <c r="D31" s="14" t="s">
        <v>7</v>
      </c>
      <c r="E31" s="12"/>
      <c r="F31" s="12"/>
      <c r="G31" s="12"/>
      <c r="H31" s="12"/>
    </row>
    <row r="32" spans="1:8" x14ac:dyDescent="0.25">
      <c r="A32" s="2" t="s">
        <v>51</v>
      </c>
      <c r="B32" s="4" t="s">
        <v>871</v>
      </c>
      <c r="C32" s="13">
        <v>2336908116.75</v>
      </c>
      <c r="D32" s="13">
        <v>1825181536.05</v>
      </c>
      <c r="E32" s="12"/>
      <c r="F32" s="12"/>
      <c r="G32" s="12"/>
      <c r="H32" s="12"/>
    </row>
    <row r="33" spans="1:8" x14ac:dyDescent="0.25">
      <c r="C33" s="12"/>
      <c r="D33" s="12"/>
      <c r="E33" s="12"/>
      <c r="F33" s="12"/>
      <c r="G33" s="12"/>
      <c r="H33" s="12"/>
    </row>
    <row r="34" spans="1:8" x14ac:dyDescent="0.25">
      <c r="A34" s="10" t="s">
        <v>6</v>
      </c>
      <c r="B34" s="10" t="s">
        <v>872</v>
      </c>
      <c r="C34" s="14" t="s">
        <v>10</v>
      </c>
      <c r="D34" s="14" t="s">
        <v>604</v>
      </c>
      <c r="E34" s="12"/>
      <c r="F34" s="12"/>
      <c r="G34" s="12"/>
      <c r="H34" s="12"/>
    </row>
    <row r="35" spans="1:8" x14ac:dyDescent="0.25">
      <c r="A35" s="10" t="s">
        <v>7</v>
      </c>
      <c r="B35" s="10" t="s">
        <v>7</v>
      </c>
      <c r="C35" s="14" t="s">
        <v>7</v>
      </c>
      <c r="D35" s="14" t="s">
        <v>7</v>
      </c>
      <c r="E35" s="12"/>
      <c r="F35" s="12"/>
      <c r="G35" s="12"/>
      <c r="H35" s="12"/>
    </row>
    <row r="36" spans="1:8" x14ac:dyDescent="0.25">
      <c r="A36" s="2" t="s">
        <v>53</v>
      </c>
      <c r="B36" s="4" t="s">
        <v>872</v>
      </c>
      <c r="C36" s="13">
        <v>842034529.19000006</v>
      </c>
      <c r="D36" s="13">
        <v>646284373.34000003</v>
      </c>
      <c r="E36" s="12"/>
      <c r="F36" s="12"/>
      <c r="G36" s="12"/>
      <c r="H36" s="12"/>
    </row>
    <row r="37" spans="1:8" x14ac:dyDescent="0.25">
      <c r="C37" s="12"/>
      <c r="D37" s="12"/>
      <c r="E37" s="12"/>
      <c r="F37" s="12"/>
      <c r="G37" s="12"/>
      <c r="H37" s="12"/>
    </row>
    <row r="38" spans="1:8" x14ac:dyDescent="0.25">
      <c r="A38" s="10" t="s">
        <v>6</v>
      </c>
      <c r="B38" s="10" t="s">
        <v>873</v>
      </c>
      <c r="C38" s="14" t="s">
        <v>10</v>
      </c>
      <c r="D38" s="14" t="s">
        <v>604</v>
      </c>
      <c r="E38" s="12"/>
      <c r="F38" s="12"/>
      <c r="G38" s="12"/>
      <c r="H38" s="12"/>
    </row>
    <row r="39" spans="1:8" x14ac:dyDescent="0.25">
      <c r="A39" s="10" t="s">
        <v>7</v>
      </c>
      <c r="B39" s="10" t="s">
        <v>7</v>
      </c>
      <c r="C39" s="14" t="s">
        <v>7</v>
      </c>
      <c r="D39" s="14" t="s">
        <v>7</v>
      </c>
      <c r="E39" s="12"/>
      <c r="F39" s="12"/>
      <c r="G39" s="12"/>
      <c r="H39" s="12"/>
    </row>
    <row r="40" spans="1:8" x14ac:dyDescent="0.25">
      <c r="A40" s="3" t="s">
        <v>55</v>
      </c>
      <c r="B40" s="5" t="s">
        <v>874</v>
      </c>
      <c r="C40" s="11">
        <v>1252844900</v>
      </c>
      <c r="D40" s="11">
        <v>1055865060.45</v>
      </c>
      <c r="E40" s="12"/>
      <c r="F40" s="12"/>
      <c r="G40" s="12"/>
      <c r="H40" s="12"/>
    </row>
    <row r="41" spans="1:8" x14ac:dyDescent="0.25">
      <c r="A41" s="3" t="s">
        <v>57</v>
      </c>
      <c r="B41" s="5" t="s">
        <v>875</v>
      </c>
      <c r="C41" s="11">
        <v>1252844900</v>
      </c>
      <c r="D41" s="11">
        <v>1055865060.45</v>
      </c>
      <c r="E41" s="12"/>
      <c r="F41" s="12"/>
      <c r="G41" s="12"/>
      <c r="H41" s="12"/>
    </row>
    <row r="42" spans="1:8" x14ac:dyDescent="0.25">
      <c r="A42" s="2" t="s">
        <v>59</v>
      </c>
      <c r="B42" s="4" t="s">
        <v>876</v>
      </c>
      <c r="C42" s="13">
        <v>1252844900</v>
      </c>
      <c r="D42" s="13">
        <v>1044678567.09</v>
      </c>
      <c r="E42" s="12"/>
      <c r="F42" s="12"/>
      <c r="G42" s="12"/>
      <c r="H42" s="12"/>
    </row>
    <row r="43" spans="1:8" x14ac:dyDescent="0.25">
      <c r="A43" s="2" t="s">
        <v>61</v>
      </c>
      <c r="B43" s="4" t="s">
        <v>877</v>
      </c>
      <c r="C43" s="13">
        <v>0</v>
      </c>
      <c r="D43" s="13">
        <v>11186493.359999999</v>
      </c>
      <c r="E43" s="12"/>
      <c r="F43" s="12"/>
      <c r="G43" s="12"/>
      <c r="H43" s="12"/>
    </row>
    <row r="44" spans="1:8" x14ac:dyDescent="0.25">
      <c r="A44" s="3" t="s">
        <v>63</v>
      </c>
      <c r="B44" s="5" t="s">
        <v>878</v>
      </c>
      <c r="C44" s="11">
        <v>0</v>
      </c>
      <c r="D44" s="11">
        <v>0</v>
      </c>
      <c r="E44" s="12"/>
      <c r="F44" s="12"/>
      <c r="G44" s="12"/>
      <c r="H44" s="12"/>
    </row>
    <row r="45" spans="1:8" x14ac:dyDescent="0.25">
      <c r="A45" s="2" t="s">
        <v>65</v>
      </c>
      <c r="B45" s="4" t="s">
        <v>879</v>
      </c>
      <c r="C45" s="13">
        <v>0</v>
      </c>
      <c r="D45" s="13">
        <v>0</v>
      </c>
      <c r="E45" s="12"/>
      <c r="F45" s="12"/>
      <c r="G45" s="12"/>
      <c r="H45" s="12"/>
    </row>
    <row r="46" spans="1:8" x14ac:dyDescent="0.25">
      <c r="A46" s="2" t="s">
        <v>67</v>
      </c>
      <c r="B46" s="4" t="s">
        <v>880</v>
      </c>
      <c r="C46" s="13">
        <v>0</v>
      </c>
      <c r="D46" s="13">
        <v>0</v>
      </c>
      <c r="E46" s="12"/>
      <c r="F46" s="12"/>
      <c r="G46" s="12"/>
      <c r="H46" s="12"/>
    </row>
    <row r="47" spans="1:8" x14ac:dyDescent="0.25">
      <c r="A47" s="3" t="s">
        <v>69</v>
      </c>
      <c r="B47" s="5" t="s">
        <v>881</v>
      </c>
      <c r="C47" s="11">
        <v>0</v>
      </c>
      <c r="D47" s="11">
        <v>0</v>
      </c>
      <c r="E47" s="12"/>
      <c r="F47" s="12"/>
      <c r="G47" s="12"/>
      <c r="H47" s="12"/>
    </row>
    <row r="48" spans="1:8" x14ac:dyDescent="0.25">
      <c r="A48" s="2" t="s">
        <v>71</v>
      </c>
      <c r="B48" s="4" t="s">
        <v>882</v>
      </c>
      <c r="C48" s="13">
        <v>0</v>
      </c>
      <c r="D48" s="13">
        <v>0</v>
      </c>
      <c r="E48" s="12"/>
      <c r="F48" s="12"/>
      <c r="G48" s="12"/>
      <c r="H48" s="12"/>
    </row>
    <row r="49" spans="1:8" x14ac:dyDescent="0.25">
      <c r="A49" s="2" t="s">
        <v>73</v>
      </c>
      <c r="B49" s="4" t="s">
        <v>883</v>
      </c>
      <c r="C49" s="13">
        <v>0</v>
      </c>
      <c r="D49" s="13">
        <v>0</v>
      </c>
      <c r="E49" s="12"/>
      <c r="F49" s="12"/>
      <c r="G49" s="12"/>
      <c r="H49" s="12"/>
    </row>
    <row r="50" spans="1:8" x14ac:dyDescent="0.25">
      <c r="A50" s="2" t="s">
        <v>75</v>
      </c>
      <c r="B50" s="4" t="s">
        <v>884</v>
      </c>
      <c r="C50" s="13">
        <v>-1084063216.75</v>
      </c>
      <c r="D50" s="13">
        <v>-780502968.96000004</v>
      </c>
      <c r="E50" s="12"/>
      <c r="F50" s="12"/>
      <c r="G50" s="12"/>
      <c r="H50" s="12"/>
    </row>
    <row r="51" spans="1:8" x14ac:dyDescent="0.25">
      <c r="C51" s="12"/>
      <c r="D51" s="12"/>
      <c r="E51" s="12"/>
      <c r="F51" s="12"/>
      <c r="G51" s="12"/>
      <c r="H51" s="12"/>
    </row>
    <row r="52" spans="1:8" x14ac:dyDescent="0.25">
      <c r="A52" s="10" t="s">
        <v>6</v>
      </c>
      <c r="B52" s="10" t="s">
        <v>885</v>
      </c>
      <c r="C52" s="14" t="s">
        <v>398</v>
      </c>
      <c r="D52" s="12"/>
      <c r="E52" s="12"/>
      <c r="F52" s="12"/>
      <c r="G52" s="12"/>
      <c r="H52" s="12"/>
    </row>
    <row r="53" spans="1:8" x14ac:dyDescent="0.25">
      <c r="A53" s="10" t="s">
        <v>7</v>
      </c>
      <c r="B53" s="10" t="s">
        <v>7</v>
      </c>
      <c r="C53" s="14" t="s">
        <v>7</v>
      </c>
      <c r="D53" s="12"/>
      <c r="E53" s="12"/>
      <c r="F53" s="12"/>
      <c r="G53" s="12"/>
      <c r="H53" s="12"/>
    </row>
    <row r="54" spans="1:8" x14ac:dyDescent="0.25">
      <c r="A54" s="3" t="s">
        <v>77</v>
      </c>
      <c r="B54" s="5" t="s">
        <v>886</v>
      </c>
      <c r="C54" s="11">
        <v>71668594.209999993</v>
      </c>
      <c r="D54" s="12"/>
      <c r="E54" s="12"/>
      <c r="F54" s="12"/>
      <c r="G54" s="12"/>
      <c r="H54" s="12"/>
    </row>
    <row r="55" spans="1:8" x14ac:dyDescent="0.25">
      <c r="A55" s="2" t="s">
        <v>79</v>
      </c>
      <c r="B55" s="4" t="s">
        <v>887</v>
      </c>
      <c r="C55" s="13">
        <v>71668594.209999993</v>
      </c>
      <c r="D55" s="12"/>
      <c r="E55" s="12"/>
      <c r="F55" s="12"/>
      <c r="G55" s="12"/>
      <c r="H55" s="12"/>
    </row>
    <row r="56" spans="1:8" x14ac:dyDescent="0.25">
      <c r="A56" s="2" t="s">
        <v>81</v>
      </c>
      <c r="B56" s="4" t="s">
        <v>888</v>
      </c>
      <c r="C56" s="13">
        <v>0</v>
      </c>
      <c r="D56" s="12"/>
      <c r="E56" s="12"/>
      <c r="F56" s="12"/>
      <c r="G56" s="12"/>
      <c r="H56" s="12"/>
    </row>
    <row r="57" spans="1:8" x14ac:dyDescent="0.25">
      <c r="C57" s="12"/>
      <c r="D57" s="12"/>
      <c r="E57" s="12"/>
      <c r="F57" s="12"/>
      <c r="G57" s="12"/>
      <c r="H57" s="12"/>
    </row>
    <row r="58" spans="1:8" x14ac:dyDescent="0.25">
      <c r="A58" s="10" t="s">
        <v>6</v>
      </c>
      <c r="B58" s="10" t="s">
        <v>889</v>
      </c>
      <c r="C58" s="14" t="s">
        <v>398</v>
      </c>
      <c r="D58" s="12"/>
      <c r="E58" s="12"/>
      <c r="F58" s="12"/>
      <c r="G58" s="12"/>
      <c r="H58" s="12"/>
    </row>
    <row r="59" spans="1:8" x14ac:dyDescent="0.25">
      <c r="A59" s="10" t="s">
        <v>7</v>
      </c>
      <c r="B59" s="10" t="s">
        <v>7</v>
      </c>
      <c r="C59" s="14" t="s">
        <v>7</v>
      </c>
      <c r="D59" s="12"/>
      <c r="E59" s="12"/>
      <c r="F59" s="12"/>
      <c r="G59" s="12"/>
      <c r="H59" s="12"/>
    </row>
    <row r="60" spans="1:8" x14ac:dyDescent="0.25">
      <c r="A60" s="2" t="s">
        <v>83</v>
      </c>
      <c r="B60" s="4" t="s">
        <v>889</v>
      </c>
      <c r="C60" s="13">
        <v>1127533654.6600001</v>
      </c>
      <c r="D60" s="12"/>
      <c r="E60" s="12"/>
      <c r="F60" s="12"/>
      <c r="G60" s="12"/>
      <c r="H60" s="12"/>
    </row>
    <row r="61" spans="1:8" x14ac:dyDescent="0.25">
      <c r="C61" s="12"/>
      <c r="D61" s="12"/>
      <c r="E61" s="12"/>
      <c r="F61" s="12"/>
      <c r="G61" s="12"/>
      <c r="H61" s="12"/>
    </row>
    <row r="62" spans="1:8" x14ac:dyDescent="0.25">
      <c r="A62" s="10" t="s">
        <v>6</v>
      </c>
      <c r="B62" s="10" t="s">
        <v>890</v>
      </c>
      <c r="C62" s="14" t="s">
        <v>626</v>
      </c>
      <c r="D62" s="14" t="s">
        <v>627</v>
      </c>
      <c r="E62" s="14" t="s">
        <v>628</v>
      </c>
      <c r="F62" s="14" t="s">
        <v>629</v>
      </c>
      <c r="G62" s="14" t="s">
        <v>891</v>
      </c>
      <c r="H62" s="12"/>
    </row>
    <row r="63" spans="1:8" x14ac:dyDescent="0.25">
      <c r="A63" s="10" t="s">
        <v>7</v>
      </c>
      <c r="B63" s="10" t="s">
        <v>7</v>
      </c>
      <c r="C63" s="14" t="s">
        <v>7</v>
      </c>
      <c r="D63" s="14" t="s">
        <v>7</v>
      </c>
      <c r="E63" s="14" t="s">
        <v>7</v>
      </c>
      <c r="F63" s="14" t="s">
        <v>7</v>
      </c>
      <c r="G63" s="14" t="s">
        <v>7</v>
      </c>
      <c r="H63" s="12"/>
    </row>
    <row r="64" spans="1:8" x14ac:dyDescent="0.25">
      <c r="A64" s="3" t="s">
        <v>85</v>
      </c>
      <c r="B64" s="5" t="s">
        <v>892</v>
      </c>
      <c r="C64" s="11">
        <v>1229914400</v>
      </c>
      <c r="D64" s="11">
        <v>985558772.10000002</v>
      </c>
      <c r="E64" s="11">
        <v>967861679.07000005</v>
      </c>
      <c r="F64" s="11">
        <v>959045765.23000002</v>
      </c>
      <c r="G64" s="11">
        <v>0</v>
      </c>
      <c r="H64" s="12"/>
    </row>
    <row r="65" spans="1:8" x14ac:dyDescent="0.25">
      <c r="A65" s="2" t="s">
        <v>87</v>
      </c>
      <c r="B65" s="4" t="s">
        <v>893</v>
      </c>
      <c r="C65" s="13">
        <v>478000000</v>
      </c>
      <c r="D65" s="13">
        <v>440717641.04000002</v>
      </c>
      <c r="E65" s="13">
        <v>430108765.26999998</v>
      </c>
      <c r="F65" s="13">
        <v>424809639.26999998</v>
      </c>
      <c r="G65" s="13">
        <v>0</v>
      </c>
      <c r="H65" s="12"/>
    </row>
    <row r="66" spans="1:8" x14ac:dyDescent="0.25">
      <c r="A66" s="2" t="s">
        <v>89</v>
      </c>
      <c r="B66" s="4" t="s">
        <v>894</v>
      </c>
      <c r="C66" s="13">
        <v>751914400</v>
      </c>
      <c r="D66" s="13">
        <v>544841131.05999994</v>
      </c>
      <c r="E66" s="13">
        <v>537752913.79999995</v>
      </c>
      <c r="F66" s="13">
        <v>534236125.95999998</v>
      </c>
      <c r="G66" s="13">
        <v>0</v>
      </c>
      <c r="H66" s="12"/>
    </row>
    <row r="67" spans="1:8" x14ac:dyDescent="0.25">
      <c r="A67" s="3" t="s">
        <v>91</v>
      </c>
      <c r="B67" s="5" t="s">
        <v>895</v>
      </c>
      <c r="C67" s="11">
        <v>22930500</v>
      </c>
      <c r="D67" s="11">
        <v>14393880.939999999</v>
      </c>
      <c r="E67" s="11">
        <v>10815633.939999999</v>
      </c>
      <c r="F67" s="11">
        <v>10815633.939999999</v>
      </c>
      <c r="G67" s="11">
        <v>0</v>
      </c>
      <c r="H67" s="12"/>
    </row>
    <row r="68" spans="1:8" x14ac:dyDescent="0.25">
      <c r="A68" s="2" t="s">
        <v>93</v>
      </c>
      <c r="B68" s="4" t="s">
        <v>896</v>
      </c>
      <c r="C68" s="13">
        <v>8000000</v>
      </c>
      <c r="D68" s="13">
        <v>2855659.03</v>
      </c>
      <c r="E68" s="13">
        <v>2855659.03</v>
      </c>
      <c r="F68" s="13">
        <v>2855659.03</v>
      </c>
      <c r="G68" s="13">
        <v>0</v>
      </c>
      <c r="H68" s="12"/>
    </row>
    <row r="69" spans="1:8" x14ac:dyDescent="0.25">
      <c r="A69" s="2" t="s">
        <v>95</v>
      </c>
      <c r="B69" s="4" t="s">
        <v>897</v>
      </c>
      <c r="C69" s="13">
        <v>14930500</v>
      </c>
      <c r="D69" s="13">
        <v>11538221.91</v>
      </c>
      <c r="E69" s="13">
        <v>7959974.9100000001</v>
      </c>
      <c r="F69" s="13">
        <v>7959974.9100000001</v>
      </c>
      <c r="G69" s="13">
        <v>0</v>
      </c>
      <c r="H69" s="12"/>
    </row>
    <row r="70" spans="1:8" x14ac:dyDescent="0.25">
      <c r="A70" s="3" t="s">
        <v>97</v>
      </c>
      <c r="B70" s="5" t="s">
        <v>898</v>
      </c>
      <c r="C70" s="11">
        <v>1252844900</v>
      </c>
      <c r="D70" s="11">
        <v>999952653.03999996</v>
      </c>
      <c r="E70" s="11">
        <v>978677313.00999999</v>
      </c>
      <c r="F70" s="11">
        <v>969861399.16999996</v>
      </c>
      <c r="G70" s="11">
        <v>0</v>
      </c>
      <c r="H70" s="12"/>
    </row>
    <row r="71" spans="1:8" x14ac:dyDescent="0.25">
      <c r="C71" s="12"/>
      <c r="D71" s="12"/>
      <c r="E71" s="12"/>
      <c r="F71" s="12"/>
      <c r="G71" s="12"/>
      <c r="H71" s="12"/>
    </row>
    <row r="72" spans="1:8" x14ac:dyDescent="0.25">
      <c r="A72" s="10" t="s">
        <v>6</v>
      </c>
      <c r="B72" s="10" t="s">
        <v>899</v>
      </c>
      <c r="C72" s="14" t="s">
        <v>627</v>
      </c>
      <c r="D72" s="14" t="s">
        <v>628</v>
      </c>
      <c r="E72" s="14" t="s">
        <v>629</v>
      </c>
      <c r="F72" s="14" t="s">
        <v>891</v>
      </c>
      <c r="G72" s="14" t="s">
        <v>900</v>
      </c>
      <c r="H72" s="12"/>
    </row>
    <row r="73" spans="1:8" x14ac:dyDescent="0.25">
      <c r="A73" s="10" t="s">
        <v>7</v>
      </c>
      <c r="B73" s="10" t="s">
        <v>7</v>
      </c>
      <c r="C73" s="14" t="s">
        <v>7</v>
      </c>
      <c r="D73" s="14" t="s">
        <v>7</v>
      </c>
      <c r="E73" s="14" t="s">
        <v>7</v>
      </c>
      <c r="F73" s="14" t="s">
        <v>7</v>
      </c>
      <c r="G73" s="14" t="s">
        <v>7</v>
      </c>
      <c r="H73" s="12"/>
    </row>
    <row r="74" spans="1:8" x14ac:dyDescent="0.25">
      <c r="A74" s="2" t="s">
        <v>99</v>
      </c>
      <c r="B74" s="4" t="s">
        <v>901</v>
      </c>
      <c r="C74" s="13">
        <v>985558772.10000002</v>
      </c>
      <c r="D74" s="13">
        <v>967861679.07000005</v>
      </c>
      <c r="E74" s="13">
        <v>959045765.23000002</v>
      </c>
      <c r="F74" s="13">
        <v>0</v>
      </c>
      <c r="G74" s="13">
        <v>0</v>
      </c>
      <c r="H74" s="12"/>
    </row>
    <row r="75" spans="1:8" x14ac:dyDescent="0.25">
      <c r="A75" s="2" t="s">
        <v>101</v>
      </c>
      <c r="B75" s="4" t="s">
        <v>902</v>
      </c>
      <c r="C75" s="13">
        <v>999952653.03999996</v>
      </c>
      <c r="D75" s="13">
        <v>978677313.00999999</v>
      </c>
      <c r="E75" s="13">
        <v>969861399.16999996</v>
      </c>
      <c r="F75" s="13">
        <v>0</v>
      </c>
      <c r="G75" s="13">
        <v>0</v>
      </c>
      <c r="H75" s="12"/>
    </row>
    <row r="76" spans="1:8" x14ac:dyDescent="0.25">
      <c r="A76" s="2" t="s">
        <v>103</v>
      </c>
      <c r="B76" s="4" t="s">
        <v>903</v>
      </c>
      <c r="C76" s="13">
        <v>0</v>
      </c>
      <c r="D76" s="13">
        <v>0</v>
      </c>
      <c r="E76" s="13">
        <v>0</v>
      </c>
      <c r="F76" s="13">
        <v>0</v>
      </c>
      <c r="G76" s="13">
        <v>0</v>
      </c>
      <c r="H76" s="12"/>
    </row>
    <row r="77" spans="1:8" x14ac:dyDescent="0.25">
      <c r="A77" s="2" t="s">
        <v>105</v>
      </c>
      <c r="B77" s="4" t="s">
        <v>904</v>
      </c>
      <c r="C77" s="13">
        <v>0</v>
      </c>
      <c r="D77" s="13">
        <v>0</v>
      </c>
      <c r="E77" s="13">
        <v>0</v>
      </c>
      <c r="F77" s="13">
        <v>0</v>
      </c>
      <c r="G77" s="13">
        <v>0</v>
      </c>
      <c r="H77" s="12"/>
    </row>
    <row r="78" spans="1:8" x14ac:dyDescent="0.25">
      <c r="A78" s="2" t="s">
        <v>107</v>
      </c>
      <c r="B78" s="4" t="s">
        <v>905</v>
      </c>
      <c r="C78" s="13">
        <v>0</v>
      </c>
      <c r="D78" s="13">
        <v>0</v>
      </c>
      <c r="E78" s="13">
        <v>0</v>
      </c>
      <c r="F78" s="13">
        <v>0</v>
      </c>
      <c r="G78" s="13">
        <v>0</v>
      </c>
      <c r="H78" s="12"/>
    </row>
    <row r="79" spans="1:8" x14ac:dyDescent="0.25">
      <c r="C79" s="12"/>
      <c r="D79" s="12"/>
      <c r="E79" s="12"/>
      <c r="F79" s="12"/>
      <c r="G79" s="12"/>
      <c r="H79" s="12"/>
    </row>
    <row r="80" spans="1:8" x14ac:dyDescent="0.25">
      <c r="A80" s="10" t="s">
        <v>6</v>
      </c>
      <c r="B80" s="10" t="s">
        <v>906</v>
      </c>
      <c r="C80" s="14" t="s">
        <v>907</v>
      </c>
      <c r="D80" s="14" t="s">
        <v>908</v>
      </c>
      <c r="E80" s="14" t="s">
        <v>909</v>
      </c>
      <c r="F80" s="14" t="s">
        <v>910</v>
      </c>
      <c r="G80" s="12"/>
      <c r="H80" s="12"/>
    </row>
    <row r="81" spans="1:8" x14ac:dyDescent="0.25">
      <c r="A81" s="10" t="s">
        <v>7</v>
      </c>
      <c r="B81" s="10" t="s">
        <v>7</v>
      </c>
      <c r="C81" s="14" t="s">
        <v>7</v>
      </c>
      <c r="D81" s="14" t="s">
        <v>7</v>
      </c>
      <c r="E81" s="14" t="s">
        <v>7</v>
      </c>
      <c r="F81" s="14" t="s">
        <v>7</v>
      </c>
      <c r="G81" s="12"/>
      <c r="H81" s="12"/>
    </row>
    <row r="82" spans="1:8" x14ac:dyDescent="0.25">
      <c r="A82" s="2" t="s">
        <v>109</v>
      </c>
      <c r="B82" s="4" t="s">
        <v>911</v>
      </c>
      <c r="C82" s="13">
        <v>739105542.30999994</v>
      </c>
      <c r="D82" s="13">
        <v>967861679.07000005</v>
      </c>
      <c r="E82" s="13">
        <v>967861679.07000005</v>
      </c>
      <c r="F82" s="13">
        <v>91.67</v>
      </c>
      <c r="G82" s="12"/>
      <c r="H82" s="12"/>
    </row>
    <row r="83" spans="1:8" x14ac:dyDescent="0.25">
      <c r="A83" s="2" t="s">
        <v>111</v>
      </c>
      <c r="B83" s="4" t="s">
        <v>912</v>
      </c>
      <c r="C83" s="13">
        <v>0</v>
      </c>
      <c r="D83" s="13">
        <v>0</v>
      </c>
      <c r="E83" s="13">
        <v>0</v>
      </c>
      <c r="F83" s="13">
        <v>0</v>
      </c>
      <c r="G83" s="12"/>
      <c r="H83" s="12"/>
    </row>
    <row r="84" spans="1:8" x14ac:dyDescent="0.25">
      <c r="C84" s="12"/>
      <c r="D84" s="12"/>
      <c r="E84" s="12"/>
      <c r="F84" s="12"/>
      <c r="G84" s="12"/>
      <c r="H84" s="12"/>
    </row>
    <row r="85" spans="1:8" x14ac:dyDescent="0.25">
      <c r="A85" s="10" t="s">
        <v>6</v>
      </c>
      <c r="B85" s="10" t="s">
        <v>913</v>
      </c>
      <c r="C85" s="14" t="s">
        <v>914</v>
      </c>
      <c r="D85" s="14" t="s">
        <v>915</v>
      </c>
      <c r="E85" s="14" t="s">
        <v>916</v>
      </c>
      <c r="F85" s="14" t="s">
        <v>917</v>
      </c>
      <c r="G85" s="12"/>
      <c r="H85" s="12"/>
    </row>
    <row r="86" spans="1:8" x14ac:dyDescent="0.25">
      <c r="A86" s="10" t="s">
        <v>7</v>
      </c>
      <c r="B86" s="10" t="s">
        <v>7</v>
      </c>
      <c r="C86" s="14" t="s">
        <v>7</v>
      </c>
      <c r="D86" s="14" t="s">
        <v>7</v>
      </c>
      <c r="E86" s="14" t="s">
        <v>7</v>
      </c>
      <c r="F86" s="14" t="s">
        <v>7</v>
      </c>
      <c r="G86" s="12"/>
      <c r="H86" s="12"/>
    </row>
    <row r="87" spans="1:8" x14ac:dyDescent="0.25">
      <c r="A87" s="2" t="s">
        <v>113</v>
      </c>
      <c r="B87" s="4" t="s">
        <v>918</v>
      </c>
      <c r="C87" s="13">
        <v>105586506.04000001</v>
      </c>
      <c r="D87" s="13">
        <v>55912407.409999996</v>
      </c>
      <c r="E87" s="13">
        <v>55912407.409999996</v>
      </c>
      <c r="F87" s="13">
        <v>5.3</v>
      </c>
      <c r="G87" s="12"/>
      <c r="H87" s="12"/>
    </row>
    <row r="88" spans="1:8" x14ac:dyDescent="0.25">
      <c r="C88" s="12"/>
      <c r="D88" s="12"/>
      <c r="E88" s="12"/>
      <c r="F88" s="12"/>
      <c r="G88" s="12"/>
      <c r="H88" s="12"/>
    </row>
    <row r="89" spans="1:8" x14ac:dyDescent="0.25">
      <c r="A89" s="10" t="s">
        <v>6</v>
      </c>
      <c r="B89" s="10" t="s">
        <v>919</v>
      </c>
      <c r="C89" s="14" t="s">
        <v>920</v>
      </c>
      <c r="D89" s="14" t="s">
        <v>921</v>
      </c>
      <c r="E89" s="14" t="s">
        <v>922</v>
      </c>
      <c r="F89" s="14" t="s">
        <v>923</v>
      </c>
      <c r="G89" s="14" t="s">
        <v>924</v>
      </c>
      <c r="H89" s="14" t="s">
        <v>925</v>
      </c>
    </row>
    <row r="90" spans="1:8" x14ac:dyDescent="0.25">
      <c r="A90" s="10" t="s">
        <v>7</v>
      </c>
      <c r="B90" s="10" t="s">
        <v>7</v>
      </c>
      <c r="C90" s="14" t="s">
        <v>7</v>
      </c>
      <c r="D90" s="14" t="s">
        <v>7</v>
      </c>
      <c r="E90" s="14" t="s">
        <v>7</v>
      </c>
      <c r="F90" s="14" t="s">
        <v>7</v>
      </c>
      <c r="G90" s="14" t="s">
        <v>7</v>
      </c>
      <c r="H90" s="14" t="s">
        <v>7</v>
      </c>
    </row>
    <row r="91" spans="1:8" x14ac:dyDescent="0.25">
      <c r="A91" s="3" t="s">
        <v>115</v>
      </c>
      <c r="B91" s="5" t="s">
        <v>926</v>
      </c>
      <c r="C91" s="11">
        <v>139342472.56999999</v>
      </c>
      <c r="D91" s="11">
        <v>13901460.279999999</v>
      </c>
      <c r="E91" s="11">
        <v>13901460.279999999</v>
      </c>
      <c r="F91" s="11">
        <v>0</v>
      </c>
      <c r="G91" s="11">
        <v>0</v>
      </c>
      <c r="H91" s="11">
        <v>0</v>
      </c>
    </row>
    <row r="92" spans="1:8" x14ac:dyDescent="0.25">
      <c r="A92" s="2" t="s">
        <v>117</v>
      </c>
      <c r="B92" s="4" t="s">
        <v>927</v>
      </c>
      <c r="C92" s="13">
        <v>139342472.56999999</v>
      </c>
      <c r="D92" s="13">
        <v>13901460.279999999</v>
      </c>
      <c r="E92" s="13">
        <v>13901460.279999999</v>
      </c>
      <c r="F92" s="13">
        <v>0</v>
      </c>
      <c r="G92" s="13">
        <v>0</v>
      </c>
      <c r="H92" s="13">
        <v>0</v>
      </c>
    </row>
    <row r="93" spans="1:8" x14ac:dyDescent="0.25">
      <c r="A93" s="2" t="s">
        <v>119</v>
      </c>
      <c r="B93" s="4" t="s">
        <v>928</v>
      </c>
      <c r="C93" s="13">
        <v>0</v>
      </c>
      <c r="D93" s="13">
        <v>0</v>
      </c>
      <c r="E93" s="13">
        <v>0</v>
      </c>
      <c r="F93" s="13">
        <v>0</v>
      </c>
      <c r="G93" s="13">
        <v>0</v>
      </c>
      <c r="H93" s="13">
        <v>0</v>
      </c>
    </row>
    <row r="94" spans="1:8" x14ac:dyDescent="0.25">
      <c r="C94" s="12"/>
      <c r="D94" s="12"/>
      <c r="E94" s="12"/>
      <c r="F94" s="12"/>
      <c r="G94" s="12"/>
      <c r="H94" s="12"/>
    </row>
    <row r="95" spans="1:8" x14ac:dyDescent="0.25">
      <c r="A95" s="10" t="s">
        <v>6</v>
      </c>
      <c r="B95" s="10" t="s">
        <v>929</v>
      </c>
      <c r="C95" s="14" t="s">
        <v>626</v>
      </c>
      <c r="D95" s="14" t="s">
        <v>627</v>
      </c>
      <c r="E95" s="14" t="s">
        <v>628</v>
      </c>
      <c r="F95" s="14" t="s">
        <v>629</v>
      </c>
      <c r="G95" s="14" t="s">
        <v>891</v>
      </c>
      <c r="H95" s="12"/>
    </row>
    <row r="96" spans="1:8" x14ac:dyDescent="0.25">
      <c r="A96" s="10" t="s">
        <v>7</v>
      </c>
      <c r="B96" s="10" t="s">
        <v>7</v>
      </c>
      <c r="C96" s="14" t="s">
        <v>7</v>
      </c>
      <c r="D96" s="14" t="s">
        <v>7</v>
      </c>
      <c r="E96" s="14" t="s">
        <v>7</v>
      </c>
      <c r="F96" s="14" t="s">
        <v>7</v>
      </c>
      <c r="G96" s="14" t="s">
        <v>7</v>
      </c>
      <c r="H96" s="12"/>
    </row>
    <row r="97" spans="1:8" x14ac:dyDescent="0.25">
      <c r="A97" s="3" t="s">
        <v>120</v>
      </c>
      <c r="B97" s="5" t="s">
        <v>930</v>
      </c>
      <c r="C97" s="11">
        <v>0</v>
      </c>
      <c r="D97" s="11">
        <v>0</v>
      </c>
      <c r="E97" s="11">
        <v>0</v>
      </c>
      <c r="F97" s="11">
        <v>0</v>
      </c>
      <c r="G97" s="11">
        <v>0</v>
      </c>
      <c r="H97" s="12"/>
    </row>
    <row r="98" spans="1:8" x14ac:dyDescent="0.25">
      <c r="A98" s="2" t="s">
        <v>121</v>
      </c>
      <c r="B98" s="4" t="s">
        <v>931</v>
      </c>
      <c r="C98" s="13">
        <v>0</v>
      </c>
      <c r="D98" s="13">
        <v>0</v>
      </c>
      <c r="E98" s="13">
        <v>0</v>
      </c>
      <c r="F98" s="13">
        <v>0</v>
      </c>
      <c r="G98" s="13">
        <v>0</v>
      </c>
      <c r="H98" s="12"/>
    </row>
    <row r="99" spans="1:8" x14ac:dyDescent="0.25">
      <c r="A99" s="2" t="s">
        <v>122</v>
      </c>
      <c r="B99" s="4" t="s">
        <v>932</v>
      </c>
      <c r="C99" s="13">
        <v>0</v>
      </c>
      <c r="D99" s="13">
        <v>0</v>
      </c>
      <c r="E99" s="13">
        <v>0</v>
      </c>
      <c r="F99" s="13">
        <v>0</v>
      </c>
      <c r="G99" s="13">
        <v>0</v>
      </c>
      <c r="H99" s="12"/>
    </row>
    <row r="100" spans="1:8" x14ac:dyDescent="0.25">
      <c r="A100" s="2" t="s">
        <v>123</v>
      </c>
      <c r="B100" s="4" t="s">
        <v>933</v>
      </c>
      <c r="C100" s="13">
        <v>353290511</v>
      </c>
      <c r="D100" s="13">
        <v>188761819.43000001</v>
      </c>
      <c r="E100" s="13">
        <v>94258354.439999998</v>
      </c>
      <c r="F100" s="13">
        <v>92499890.049999997</v>
      </c>
      <c r="G100" s="13">
        <v>0</v>
      </c>
      <c r="H100" s="12"/>
    </row>
    <row r="101" spans="1:8" x14ac:dyDescent="0.25">
      <c r="A101" s="2" t="s">
        <v>124</v>
      </c>
      <c r="B101" s="4" t="s">
        <v>934</v>
      </c>
      <c r="C101" s="13">
        <v>1173219689</v>
      </c>
      <c r="D101" s="13">
        <v>852628882.58000004</v>
      </c>
      <c r="E101" s="13">
        <v>729446547.5</v>
      </c>
      <c r="F101" s="13">
        <v>671178063.13999999</v>
      </c>
      <c r="G101" s="13">
        <v>0</v>
      </c>
      <c r="H101" s="12"/>
    </row>
    <row r="102" spans="1:8" x14ac:dyDescent="0.25">
      <c r="A102" s="2" t="s">
        <v>125</v>
      </c>
      <c r="B102" s="4" t="s">
        <v>935</v>
      </c>
      <c r="C102" s="13">
        <v>254653900</v>
      </c>
      <c r="D102" s="13">
        <v>182230980.31</v>
      </c>
      <c r="E102" s="13">
        <v>171565569.96000001</v>
      </c>
      <c r="F102" s="13">
        <v>169988978.65000001</v>
      </c>
      <c r="G102" s="13">
        <v>0</v>
      </c>
      <c r="H102" s="12"/>
    </row>
    <row r="103" spans="1:8" x14ac:dyDescent="0.25">
      <c r="A103" s="2" t="s">
        <v>127</v>
      </c>
      <c r="B103" s="4" t="s">
        <v>936</v>
      </c>
      <c r="C103" s="13">
        <v>14835600</v>
      </c>
      <c r="D103" s="13">
        <v>2735934.06</v>
      </c>
      <c r="E103" s="13">
        <v>1634570.53</v>
      </c>
      <c r="F103" s="13">
        <v>1612544.25</v>
      </c>
      <c r="G103" s="13">
        <v>0</v>
      </c>
      <c r="H103" s="12"/>
    </row>
    <row r="104" spans="1:8" x14ac:dyDescent="0.25">
      <c r="A104" s="3" t="s">
        <v>129</v>
      </c>
      <c r="B104" s="5" t="s">
        <v>937</v>
      </c>
      <c r="C104" s="11">
        <v>1795999700</v>
      </c>
      <c r="D104" s="11">
        <v>1226357616.3800001</v>
      </c>
      <c r="E104" s="11">
        <v>996905042.42999995</v>
      </c>
      <c r="F104" s="11">
        <v>935279476.09000003</v>
      </c>
      <c r="G104" s="11">
        <v>0</v>
      </c>
      <c r="H104" s="12"/>
    </row>
    <row r="105" spans="1:8" x14ac:dyDescent="0.25">
      <c r="C105" s="12"/>
      <c r="D105" s="12"/>
      <c r="E105" s="12"/>
      <c r="F105" s="12"/>
      <c r="G105" s="12"/>
      <c r="H105" s="12"/>
    </row>
    <row r="106" spans="1:8" x14ac:dyDescent="0.25">
      <c r="A106" s="10" t="s">
        <v>6</v>
      </c>
      <c r="B106" s="10" t="s">
        <v>938</v>
      </c>
      <c r="C106" s="14" t="s">
        <v>398</v>
      </c>
      <c r="D106" s="12"/>
      <c r="E106" s="12"/>
      <c r="F106" s="12"/>
      <c r="G106" s="12"/>
      <c r="H106" s="12"/>
    </row>
    <row r="107" spans="1:8" x14ac:dyDescent="0.25">
      <c r="A107" s="10" t="s">
        <v>7</v>
      </c>
      <c r="B107" s="10" t="s">
        <v>7</v>
      </c>
      <c r="C107" s="14" t="s">
        <v>7</v>
      </c>
      <c r="D107" s="12"/>
      <c r="E107" s="12"/>
      <c r="F107" s="12"/>
      <c r="G107" s="12"/>
      <c r="H107" s="12"/>
    </row>
    <row r="108" spans="1:8" x14ac:dyDescent="0.25">
      <c r="A108" s="2" t="s">
        <v>131</v>
      </c>
      <c r="B108" s="4" t="s">
        <v>939</v>
      </c>
      <c r="C108" s="13">
        <v>1975582355.4400001</v>
      </c>
      <c r="D108" s="12"/>
      <c r="E108" s="12"/>
      <c r="F108" s="12"/>
      <c r="G108" s="12"/>
      <c r="H108" s="12"/>
    </row>
    <row r="109" spans="1:8" x14ac:dyDescent="0.25">
      <c r="A109" s="2" t="s">
        <v>133</v>
      </c>
      <c r="B109" s="4" t="s">
        <v>940</v>
      </c>
      <c r="C109" s="13">
        <v>-780502968.96000004</v>
      </c>
      <c r="D109" s="12"/>
      <c r="E109" s="12"/>
      <c r="F109" s="12"/>
      <c r="G109" s="12"/>
      <c r="H109" s="12"/>
    </row>
    <row r="110" spans="1:8" x14ac:dyDescent="0.25">
      <c r="A110" s="2" t="s">
        <v>135</v>
      </c>
      <c r="B110" s="4" t="s">
        <v>941</v>
      </c>
      <c r="C110" s="13">
        <v>0</v>
      </c>
      <c r="D110" s="12"/>
      <c r="E110" s="12"/>
      <c r="F110" s="12"/>
      <c r="G110" s="12"/>
      <c r="H110" s="12"/>
    </row>
    <row r="111" spans="1:8" x14ac:dyDescent="0.25">
      <c r="A111" s="2" t="s">
        <v>137</v>
      </c>
      <c r="B111" s="4" t="s">
        <v>942</v>
      </c>
      <c r="C111" s="13">
        <v>0</v>
      </c>
      <c r="D111" s="12"/>
      <c r="E111" s="12"/>
      <c r="F111" s="12"/>
      <c r="G111" s="12"/>
      <c r="H111" s="12"/>
    </row>
    <row r="112" spans="1:8" x14ac:dyDescent="0.25">
      <c r="A112" s="2" t="s">
        <v>139</v>
      </c>
      <c r="B112" s="4" t="s">
        <v>943</v>
      </c>
      <c r="C112" s="13">
        <v>3696262.05</v>
      </c>
      <c r="D112" s="12"/>
      <c r="E112" s="12"/>
      <c r="F112" s="12"/>
      <c r="G112" s="12"/>
      <c r="H112" s="12"/>
    </row>
    <row r="113" spans="1:8" x14ac:dyDescent="0.25">
      <c r="A113" s="3" t="s">
        <v>141</v>
      </c>
      <c r="B113" s="5" t="s">
        <v>944</v>
      </c>
      <c r="C113" s="11">
        <v>2752389062.3499999</v>
      </c>
      <c r="D113" s="12"/>
      <c r="E113" s="12"/>
      <c r="F113" s="12"/>
      <c r="G113" s="12"/>
      <c r="H113" s="12"/>
    </row>
    <row r="114" spans="1:8" x14ac:dyDescent="0.25">
      <c r="C114" s="12"/>
      <c r="D114" s="12"/>
      <c r="E114" s="12"/>
      <c r="F114" s="12"/>
      <c r="G114" s="12"/>
      <c r="H114" s="12"/>
    </row>
    <row r="115" spans="1:8" x14ac:dyDescent="0.25">
      <c r="A115" s="10" t="s">
        <v>6</v>
      </c>
      <c r="B115" s="10" t="s">
        <v>945</v>
      </c>
      <c r="C115" s="14" t="s">
        <v>946</v>
      </c>
      <c r="D115" s="14" t="s">
        <v>947</v>
      </c>
      <c r="E115" s="14" t="s">
        <v>948</v>
      </c>
      <c r="F115" s="12"/>
      <c r="G115" s="12"/>
      <c r="H115" s="12"/>
    </row>
    <row r="116" spans="1:8" x14ac:dyDescent="0.25">
      <c r="A116" s="10" t="s">
        <v>7</v>
      </c>
      <c r="B116" s="10" t="s">
        <v>7</v>
      </c>
      <c r="C116" s="14" t="s">
        <v>7</v>
      </c>
      <c r="D116" s="14" t="s">
        <v>7</v>
      </c>
      <c r="E116" s="14" t="s">
        <v>7</v>
      </c>
      <c r="F116" s="12"/>
      <c r="G116" s="12"/>
      <c r="H116" s="12"/>
    </row>
    <row r="117" spans="1:8" x14ac:dyDescent="0.25">
      <c r="A117" s="2" t="s">
        <v>143</v>
      </c>
      <c r="B117" s="4" t="s">
        <v>949</v>
      </c>
      <c r="C117" s="13">
        <v>2471465909.3899999</v>
      </c>
      <c r="D117" s="13">
        <v>2752389062.3499999</v>
      </c>
      <c r="E117" s="13">
        <v>27.84</v>
      </c>
      <c r="F117" s="12"/>
      <c r="G117" s="12"/>
      <c r="H117" s="12"/>
    </row>
    <row r="118" spans="1:8" x14ac:dyDescent="0.25">
      <c r="C118" s="12"/>
      <c r="D118" s="12"/>
      <c r="E118" s="12"/>
      <c r="F118" s="12"/>
      <c r="G118" s="12"/>
      <c r="H118" s="12"/>
    </row>
    <row r="119" spans="1:8" x14ac:dyDescent="0.25">
      <c r="A119" s="10" t="s">
        <v>6</v>
      </c>
      <c r="B119" s="10" t="s">
        <v>950</v>
      </c>
      <c r="C119" s="14" t="s">
        <v>951</v>
      </c>
      <c r="D119" s="14" t="s">
        <v>952</v>
      </c>
      <c r="E119" s="14" t="s">
        <v>953</v>
      </c>
      <c r="F119" s="14" t="s">
        <v>954</v>
      </c>
      <c r="G119" s="14" t="s">
        <v>955</v>
      </c>
      <c r="H119" s="12"/>
    </row>
    <row r="120" spans="1:8" x14ac:dyDescent="0.25">
      <c r="A120" s="10" t="s">
        <v>7</v>
      </c>
      <c r="B120" s="10" t="s">
        <v>7</v>
      </c>
      <c r="C120" s="14" t="s">
        <v>7</v>
      </c>
      <c r="D120" s="14" t="s">
        <v>7</v>
      </c>
      <c r="E120" s="14" t="s">
        <v>7</v>
      </c>
      <c r="F120" s="14" t="s">
        <v>7</v>
      </c>
      <c r="G120" s="14" t="s">
        <v>7</v>
      </c>
      <c r="H120" s="12"/>
    </row>
    <row r="121" spans="1:8" x14ac:dyDescent="0.25">
      <c r="A121" s="3" t="s">
        <v>145</v>
      </c>
      <c r="B121" s="5" t="s">
        <v>956</v>
      </c>
      <c r="C121" s="11">
        <v>181318257.22</v>
      </c>
      <c r="D121" s="11">
        <v>137881886.81999999</v>
      </c>
      <c r="E121" s="11">
        <v>137436844.75</v>
      </c>
      <c r="F121" s="11">
        <v>3696262.05</v>
      </c>
      <c r="G121" s="11">
        <v>40185150.420000002</v>
      </c>
      <c r="H121" s="12"/>
    </row>
    <row r="122" spans="1:8" x14ac:dyDescent="0.25">
      <c r="A122" s="2" t="s">
        <v>147</v>
      </c>
      <c r="B122" s="4" t="s">
        <v>957</v>
      </c>
      <c r="C122" s="13">
        <v>138243016.77000001</v>
      </c>
      <c r="D122" s="13">
        <v>97074047.370000005</v>
      </c>
      <c r="E122" s="13">
        <v>96629005.299999997</v>
      </c>
      <c r="F122" s="13">
        <v>1550762.05</v>
      </c>
      <c r="G122" s="13">
        <v>40063249.420000002</v>
      </c>
      <c r="H122" s="12"/>
    </row>
    <row r="123" spans="1:8" x14ac:dyDescent="0.25">
      <c r="A123" s="2" t="s">
        <v>149</v>
      </c>
      <c r="B123" s="4" t="s">
        <v>958</v>
      </c>
      <c r="C123" s="13">
        <v>43075240.450000003</v>
      </c>
      <c r="D123" s="13">
        <v>40807839.450000003</v>
      </c>
      <c r="E123" s="13">
        <v>40807839.450000003</v>
      </c>
      <c r="F123" s="13">
        <v>2145500</v>
      </c>
      <c r="G123" s="13">
        <v>121901</v>
      </c>
      <c r="H123" s="12"/>
    </row>
    <row r="124" spans="1:8" x14ac:dyDescent="0.25">
      <c r="A124" s="2" t="s">
        <v>151</v>
      </c>
      <c r="B124" s="4" t="s">
        <v>959</v>
      </c>
      <c r="C124" s="13">
        <v>0</v>
      </c>
      <c r="D124" s="13">
        <v>0</v>
      </c>
      <c r="E124" s="13">
        <v>0</v>
      </c>
      <c r="F124" s="13">
        <v>0</v>
      </c>
      <c r="G124" s="13">
        <v>0</v>
      </c>
      <c r="H124" s="12"/>
    </row>
    <row r="125" spans="1:8" x14ac:dyDescent="0.25">
      <c r="C125" s="12"/>
      <c r="D125" s="12"/>
      <c r="E125" s="12"/>
      <c r="F125" s="12"/>
      <c r="G125" s="12"/>
      <c r="H125" s="12"/>
    </row>
    <row r="126" spans="1:8" x14ac:dyDescent="0.25">
      <c r="A126" s="10" t="s">
        <v>6</v>
      </c>
      <c r="B126" s="10" t="s">
        <v>960</v>
      </c>
      <c r="C126" s="14" t="s">
        <v>10</v>
      </c>
      <c r="D126" s="14" t="s">
        <v>604</v>
      </c>
      <c r="E126" s="12"/>
      <c r="F126" s="12"/>
      <c r="G126" s="12"/>
      <c r="H126" s="12"/>
    </row>
    <row r="127" spans="1:8" x14ac:dyDescent="0.25">
      <c r="A127" s="10" t="s">
        <v>7</v>
      </c>
      <c r="B127" s="10" t="s">
        <v>7</v>
      </c>
      <c r="C127" s="14" t="s">
        <v>7</v>
      </c>
      <c r="D127" s="14" t="s">
        <v>7</v>
      </c>
      <c r="E127" s="12"/>
      <c r="F127" s="12"/>
      <c r="G127" s="12"/>
      <c r="H127" s="12"/>
    </row>
    <row r="128" spans="1:8" x14ac:dyDescent="0.25">
      <c r="A128" s="3" t="s">
        <v>153</v>
      </c>
      <c r="B128" s="5" t="s">
        <v>961</v>
      </c>
      <c r="C128" s="11">
        <v>116196300</v>
      </c>
      <c r="D128" s="11">
        <v>69956419.810000002</v>
      </c>
      <c r="E128" s="12"/>
      <c r="F128" s="12"/>
      <c r="G128" s="12"/>
      <c r="H128" s="12"/>
    </row>
    <row r="129" spans="1:8" x14ac:dyDescent="0.25">
      <c r="A129" s="2" t="s">
        <v>154</v>
      </c>
      <c r="B129" s="4" t="s">
        <v>962</v>
      </c>
      <c r="C129" s="13">
        <v>51196300</v>
      </c>
      <c r="D129" s="13">
        <v>29467380.629999999</v>
      </c>
      <c r="E129" s="12"/>
      <c r="F129" s="12"/>
      <c r="G129" s="12"/>
      <c r="H129" s="12"/>
    </row>
    <row r="130" spans="1:8" x14ac:dyDescent="0.25">
      <c r="A130" s="2" t="s">
        <v>155</v>
      </c>
      <c r="B130" s="4" t="s">
        <v>963</v>
      </c>
      <c r="C130" s="13">
        <v>0</v>
      </c>
      <c r="D130" s="13">
        <v>40489039.18</v>
      </c>
      <c r="E130" s="12"/>
      <c r="F130" s="12"/>
      <c r="G130" s="12"/>
      <c r="H130" s="12"/>
    </row>
    <row r="131" spans="1:8" x14ac:dyDescent="0.25">
      <c r="A131" s="2" t="s">
        <v>157</v>
      </c>
      <c r="B131" s="4" t="s">
        <v>964</v>
      </c>
      <c r="C131" s="13">
        <v>20000000</v>
      </c>
      <c r="D131" s="13">
        <v>0</v>
      </c>
      <c r="E131" s="12"/>
      <c r="F131" s="12"/>
      <c r="G131" s="12"/>
      <c r="H131" s="12"/>
    </row>
    <row r="132" spans="1:8" x14ac:dyDescent="0.25">
      <c r="A132" s="2" t="s">
        <v>159</v>
      </c>
      <c r="B132" s="4" t="s">
        <v>965</v>
      </c>
      <c r="C132" s="13">
        <v>0</v>
      </c>
      <c r="D132" s="13">
        <v>0</v>
      </c>
      <c r="E132" s="12"/>
      <c r="F132" s="12"/>
      <c r="G132" s="12"/>
      <c r="H132" s="12"/>
    </row>
    <row r="133" spans="1:8" x14ac:dyDescent="0.25">
      <c r="A133" s="2" t="s">
        <v>161</v>
      </c>
      <c r="B133" s="4" t="s">
        <v>966</v>
      </c>
      <c r="C133" s="13">
        <v>45000000</v>
      </c>
      <c r="D133" s="13">
        <v>0</v>
      </c>
      <c r="E133" s="12"/>
      <c r="F133" s="12"/>
      <c r="G133" s="12"/>
      <c r="H133" s="12"/>
    </row>
    <row r="134" spans="1:8" x14ac:dyDescent="0.25">
      <c r="A134" s="2" t="s">
        <v>163</v>
      </c>
      <c r="B134" s="4" t="s">
        <v>967</v>
      </c>
      <c r="C134" s="13">
        <v>79782500</v>
      </c>
      <c r="D134" s="13">
        <v>36959774.840000004</v>
      </c>
      <c r="E134" s="12"/>
      <c r="F134" s="12"/>
      <c r="G134" s="12"/>
      <c r="H134" s="12"/>
    </row>
    <row r="135" spans="1:8" x14ac:dyDescent="0.25">
      <c r="A135" s="2" t="s">
        <v>165</v>
      </c>
      <c r="B135" s="4" t="s">
        <v>968</v>
      </c>
      <c r="C135" s="13">
        <v>0</v>
      </c>
      <c r="D135" s="13">
        <v>0</v>
      </c>
      <c r="E135" s="12"/>
      <c r="F135" s="12"/>
      <c r="G135" s="12"/>
      <c r="H135" s="12"/>
    </row>
    <row r="136" spans="1:8" x14ac:dyDescent="0.25">
      <c r="A136" s="2" t="s">
        <v>178</v>
      </c>
      <c r="B136" s="4" t="s">
        <v>969</v>
      </c>
      <c r="C136" s="13">
        <v>0</v>
      </c>
      <c r="D136" s="13">
        <v>0</v>
      </c>
      <c r="E136" s="12"/>
      <c r="F136" s="12"/>
      <c r="G136" s="12"/>
      <c r="H136" s="12"/>
    </row>
    <row r="137" spans="1:8" x14ac:dyDescent="0.25">
      <c r="A137" s="2" t="s">
        <v>180</v>
      </c>
      <c r="B137" s="4" t="s">
        <v>970</v>
      </c>
      <c r="C137" s="13">
        <v>50000</v>
      </c>
      <c r="D137" s="13">
        <v>534419.32999999996</v>
      </c>
      <c r="E137" s="12"/>
      <c r="F137" s="12"/>
      <c r="G137" s="12"/>
      <c r="H137" s="12"/>
    </row>
    <row r="138" spans="1:8" x14ac:dyDescent="0.25">
      <c r="A138" s="3" t="s">
        <v>182</v>
      </c>
      <c r="B138" s="5" t="s">
        <v>971</v>
      </c>
      <c r="C138" s="11">
        <v>196028800</v>
      </c>
      <c r="D138" s="11">
        <v>107450613.98</v>
      </c>
      <c r="E138" s="12"/>
      <c r="F138" s="12"/>
      <c r="G138" s="12"/>
      <c r="H138" s="12"/>
    </row>
    <row r="139" spans="1:8" x14ac:dyDescent="0.25">
      <c r="C139" s="12"/>
      <c r="D139" s="12"/>
      <c r="E139" s="12"/>
      <c r="F139" s="12"/>
      <c r="G139" s="12"/>
      <c r="H139" s="12"/>
    </row>
    <row r="140" spans="1:8" x14ac:dyDescent="0.25">
      <c r="A140" s="10" t="s">
        <v>6</v>
      </c>
      <c r="B140" s="10" t="s">
        <v>972</v>
      </c>
      <c r="C140" s="14" t="s">
        <v>626</v>
      </c>
      <c r="D140" s="14" t="s">
        <v>627</v>
      </c>
      <c r="E140" s="14" t="s">
        <v>628</v>
      </c>
      <c r="F140" s="14" t="s">
        <v>629</v>
      </c>
      <c r="G140" s="14" t="s">
        <v>891</v>
      </c>
      <c r="H140" s="12"/>
    </row>
    <row r="141" spans="1:8" x14ac:dyDescent="0.25">
      <c r="A141" s="10" t="s">
        <v>7</v>
      </c>
      <c r="B141" s="10" t="s">
        <v>7</v>
      </c>
      <c r="C141" s="14" t="s">
        <v>7</v>
      </c>
      <c r="D141" s="14" t="s">
        <v>7</v>
      </c>
      <c r="E141" s="14" t="s">
        <v>7</v>
      </c>
      <c r="F141" s="14" t="s">
        <v>7</v>
      </c>
      <c r="G141" s="14" t="s">
        <v>7</v>
      </c>
      <c r="H141" s="12"/>
    </row>
    <row r="142" spans="1:8" x14ac:dyDescent="0.25">
      <c r="A142" s="3" t="s">
        <v>184</v>
      </c>
      <c r="B142" s="5" t="s">
        <v>973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  <c r="H142" s="12"/>
    </row>
    <row r="143" spans="1:8" x14ac:dyDescent="0.25">
      <c r="A143" s="2" t="s">
        <v>186</v>
      </c>
      <c r="B143" s="4" t="s">
        <v>974</v>
      </c>
      <c r="C143" s="13">
        <v>0</v>
      </c>
      <c r="D143" s="13">
        <v>0</v>
      </c>
      <c r="E143" s="13">
        <v>0</v>
      </c>
      <c r="F143" s="13">
        <v>0</v>
      </c>
      <c r="G143" s="13">
        <v>0</v>
      </c>
      <c r="H143" s="12"/>
    </row>
    <row r="144" spans="1:8" x14ac:dyDescent="0.25">
      <c r="A144" s="2" t="s">
        <v>188</v>
      </c>
      <c r="B144" s="4" t="s">
        <v>975</v>
      </c>
      <c r="C144" s="13">
        <v>0</v>
      </c>
      <c r="D144" s="13">
        <v>0</v>
      </c>
      <c r="E144" s="13">
        <v>0</v>
      </c>
      <c r="F144" s="13">
        <v>0</v>
      </c>
      <c r="G144" s="13">
        <v>0</v>
      </c>
      <c r="H144" s="12"/>
    </row>
    <row r="145" spans="1:8" x14ac:dyDescent="0.25">
      <c r="A145" s="2" t="s">
        <v>190</v>
      </c>
      <c r="B145" s="4" t="s">
        <v>976</v>
      </c>
      <c r="C145" s="13">
        <v>23689500.969999999</v>
      </c>
      <c r="D145" s="13">
        <v>14986878.33</v>
      </c>
      <c r="E145" s="13">
        <v>1325526.33</v>
      </c>
      <c r="F145" s="13">
        <v>1255125.1499999999</v>
      </c>
      <c r="G145" s="13">
        <v>0</v>
      </c>
      <c r="H145" s="12"/>
    </row>
    <row r="146" spans="1:8" x14ac:dyDescent="0.25">
      <c r="A146" s="2" t="s">
        <v>192</v>
      </c>
      <c r="B146" s="4" t="s">
        <v>977</v>
      </c>
      <c r="C146" s="13">
        <v>205385099.03</v>
      </c>
      <c r="D146" s="13">
        <v>123050653.51000001</v>
      </c>
      <c r="E146" s="13">
        <v>73851433.730000004</v>
      </c>
      <c r="F146" s="13">
        <v>72701260.459999993</v>
      </c>
      <c r="G146" s="13">
        <v>0</v>
      </c>
      <c r="H146" s="12"/>
    </row>
    <row r="147" spans="1:8" x14ac:dyDescent="0.25">
      <c r="A147" s="2" t="s">
        <v>194</v>
      </c>
      <c r="B147" s="4" t="s">
        <v>978</v>
      </c>
      <c r="C147" s="13">
        <v>24290200</v>
      </c>
      <c r="D147" s="13">
        <v>7971081.9400000004</v>
      </c>
      <c r="E147" s="13">
        <v>3720838.77</v>
      </c>
      <c r="F147" s="13">
        <v>2186495.62</v>
      </c>
      <c r="G147" s="13">
        <v>0</v>
      </c>
      <c r="H147" s="12"/>
    </row>
    <row r="148" spans="1:8" x14ac:dyDescent="0.25">
      <c r="A148" s="2" t="s">
        <v>196</v>
      </c>
      <c r="B148" s="4" t="s">
        <v>979</v>
      </c>
      <c r="C148" s="13">
        <v>9068000</v>
      </c>
      <c r="D148" s="13">
        <v>5148274.1500000004</v>
      </c>
      <c r="E148" s="13">
        <v>3967694.2</v>
      </c>
      <c r="F148" s="13">
        <v>3753698.07</v>
      </c>
      <c r="G148" s="13">
        <v>0</v>
      </c>
      <c r="H148" s="12"/>
    </row>
    <row r="149" spans="1:8" x14ac:dyDescent="0.25">
      <c r="A149" s="3" t="s">
        <v>198</v>
      </c>
      <c r="B149" s="5" t="s">
        <v>980</v>
      </c>
      <c r="C149" s="11">
        <v>262432800</v>
      </c>
      <c r="D149" s="11">
        <v>151156887.93000001</v>
      </c>
      <c r="E149" s="11">
        <v>82865493.030000001</v>
      </c>
      <c r="F149" s="11">
        <v>79896579.299999997</v>
      </c>
      <c r="G149" s="11">
        <v>0</v>
      </c>
      <c r="H149" s="12"/>
    </row>
    <row r="150" spans="1:8" x14ac:dyDescent="0.25">
      <c r="C150" s="12"/>
      <c r="D150" s="12"/>
      <c r="E150" s="12"/>
      <c r="F150" s="12"/>
      <c r="G150" s="12"/>
      <c r="H150" s="12"/>
    </row>
    <row r="151" spans="1:8" x14ac:dyDescent="0.25">
      <c r="A151" s="10" t="s">
        <v>6</v>
      </c>
      <c r="B151" s="10" t="s">
        <v>981</v>
      </c>
      <c r="C151" s="14" t="s">
        <v>626</v>
      </c>
      <c r="D151" s="14" t="s">
        <v>627</v>
      </c>
      <c r="E151" s="14" t="s">
        <v>628</v>
      </c>
      <c r="F151" s="14" t="s">
        <v>629</v>
      </c>
      <c r="G151" s="14" t="s">
        <v>891</v>
      </c>
      <c r="H151" s="12"/>
    </row>
    <row r="152" spans="1:8" x14ac:dyDescent="0.25">
      <c r="A152" s="10" t="s">
        <v>7</v>
      </c>
      <c r="B152" s="10" t="s">
        <v>7</v>
      </c>
      <c r="C152" s="14" t="s">
        <v>7</v>
      </c>
      <c r="D152" s="14" t="s">
        <v>7</v>
      </c>
      <c r="E152" s="14" t="s">
        <v>7</v>
      </c>
      <c r="F152" s="14" t="s">
        <v>7</v>
      </c>
      <c r="G152" s="14" t="s">
        <v>7</v>
      </c>
      <c r="H152" s="12"/>
    </row>
    <row r="153" spans="1:8" x14ac:dyDescent="0.25">
      <c r="A153" s="3" t="s">
        <v>200</v>
      </c>
      <c r="B153" s="5" t="s">
        <v>982</v>
      </c>
      <c r="C153" s="11">
        <v>3311277400</v>
      </c>
      <c r="D153" s="11">
        <v>2377467157.3499999</v>
      </c>
      <c r="E153" s="11">
        <v>2058447848.47</v>
      </c>
      <c r="F153" s="11">
        <v>1985037454.5599999</v>
      </c>
      <c r="G153" s="11">
        <v>0</v>
      </c>
      <c r="H153" s="12"/>
    </row>
    <row r="154" spans="1:8" x14ac:dyDescent="0.25">
      <c r="A154" s="3" t="s">
        <v>202</v>
      </c>
      <c r="B154" s="5" t="s">
        <v>983</v>
      </c>
      <c r="C154" s="11">
        <v>2918451208</v>
      </c>
      <c r="D154" s="11">
        <v>2102378876.5799999</v>
      </c>
      <c r="E154" s="11">
        <v>1960619113.4400001</v>
      </c>
      <c r="F154" s="11">
        <v>1892245639.9400001</v>
      </c>
      <c r="G154" s="11">
        <v>0</v>
      </c>
      <c r="H154" s="12"/>
    </row>
    <row r="155" spans="1:8" x14ac:dyDescent="0.25">
      <c r="A155" s="2" t="s">
        <v>204</v>
      </c>
      <c r="B155" s="4" t="s">
        <v>984</v>
      </c>
      <c r="C155" s="13">
        <v>2297467000</v>
      </c>
      <c r="D155" s="13">
        <v>1669713163.22</v>
      </c>
      <c r="E155" s="13">
        <v>1651630326.04</v>
      </c>
      <c r="F155" s="13">
        <v>1587070998.03</v>
      </c>
      <c r="G155" s="13">
        <v>0</v>
      </c>
      <c r="H155" s="12"/>
    </row>
    <row r="156" spans="1:8" x14ac:dyDescent="0.25">
      <c r="A156" s="2" t="s">
        <v>206</v>
      </c>
      <c r="B156" s="4" t="s">
        <v>985</v>
      </c>
      <c r="C156" s="13">
        <v>0</v>
      </c>
      <c r="D156" s="13">
        <v>0</v>
      </c>
      <c r="E156" s="13">
        <v>0</v>
      </c>
      <c r="F156" s="13">
        <v>0</v>
      </c>
      <c r="G156" s="13">
        <v>0</v>
      </c>
      <c r="H156" s="12"/>
    </row>
    <row r="157" spans="1:8" x14ac:dyDescent="0.25">
      <c r="A157" s="2" t="s">
        <v>208</v>
      </c>
      <c r="B157" s="4" t="s">
        <v>986</v>
      </c>
      <c r="C157" s="13">
        <v>44443042.490000002</v>
      </c>
      <c r="D157" s="13">
        <v>43255407.329999998</v>
      </c>
      <c r="E157" s="13">
        <v>43254857.380000003</v>
      </c>
      <c r="F157" s="13">
        <v>43238617.380000003</v>
      </c>
      <c r="G157" s="13">
        <v>0</v>
      </c>
      <c r="H157" s="12"/>
    </row>
    <row r="158" spans="1:8" x14ac:dyDescent="0.25">
      <c r="A158" s="2" t="s">
        <v>210</v>
      </c>
      <c r="B158" s="4" t="s">
        <v>987</v>
      </c>
      <c r="C158" s="13">
        <v>576541165.50999999</v>
      </c>
      <c r="D158" s="13">
        <v>389410306.02999997</v>
      </c>
      <c r="E158" s="13">
        <v>265733930.02000001</v>
      </c>
      <c r="F158" s="13">
        <v>261936024.53</v>
      </c>
      <c r="G158" s="13">
        <v>0</v>
      </c>
      <c r="H158" s="12"/>
    </row>
    <row r="159" spans="1:8" x14ac:dyDescent="0.25">
      <c r="A159" s="3" t="s">
        <v>212</v>
      </c>
      <c r="B159" s="5" t="s">
        <v>988</v>
      </c>
      <c r="C159" s="11">
        <v>392826192</v>
      </c>
      <c r="D159" s="11">
        <v>275088280.76999998</v>
      </c>
      <c r="E159" s="11">
        <v>97828735.030000001</v>
      </c>
      <c r="F159" s="11">
        <v>92791814.620000005</v>
      </c>
      <c r="G159" s="11">
        <v>0</v>
      </c>
      <c r="H159" s="12"/>
    </row>
    <row r="160" spans="1:8" x14ac:dyDescent="0.25">
      <c r="A160" s="2" t="s">
        <v>214</v>
      </c>
      <c r="B160" s="4" t="s">
        <v>989</v>
      </c>
      <c r="C160" s="13">
        <v>0</v>
      </c>
      <c r="D160" s="13">
        <v>0</v>
      </c>
      <c r="E160" s="13">
        <v>0</v>
      </c>
      <c r="F160" s="13">
        <v>0</v>
      </c>
      <c r="G160" s="13">
        <v>0</v>
      </c>
      <c r="H160" s="12"/>
    </row>
    <row r="161" spans="1:8" x14ac:dyDescent="0.25">
      <c r="A161" s="2" t="s">
        <v>216</v>
      </c>
      <c r="B161" s="4" t="s">
        <v>990</v>
      </c>
      <c r="C161" s="13">
        <v>392826192</v>
      </c>
      <c r="D161" s="13">
        <v>275088280.76999998</v>
      </c>
      <c r="E161" s="13">
        <v>97828735.030000001</v>
      </c>
      <c r="F161" s="13">
        <v>92791814.620000005</v>
      </c>
      <c r="G161" s="13">
        <v>0</v>
      </c>
      <c r="H161" s="12"/>
    </row>
    <row r="162" spans="1:8" x14ac:dyDescent="0.25">
      <c r="C162" s="12"/>
      <c r="D162" s="12"/>
      <c r="E162" s="12"/>
      <c r="F162" s="12"/>
      <c r="G162" s="12"/>
      <c r="H162" s="12"/>
    </row>
    <row r="163" spans="1:8" x14ac:dyDescent="0.25">
      <c r="A163" s="10" t="s">
        <v>6</v>
      </c>
      <c r="B163" s="10" t="s">
        <v>991</v>
      </c>
      <c r="C163" s="14" t="s">
        <v>992</v>
      </c>
      <c r="D163" s="14" t="s">
        <v>993</v>
      </c>
      <c r="E163" s="12"/>
      <c r="F163" s="12"/>
      <c r="G163" s="12"/>
      <c r="H163" s="12"/>
    </row>
    <row r="164" spans="1:8" x14ac:dyDescent="0.25">
      <c r="A164" s="10" t="s">
        <v>7</v>
      </c>
      <c r="B164" s="10" t="s">
        <v>7</v>
      </c>
      <c r="C164" s="14" t="s">
        <v>7</v>
      </c>
      <c r="D164" s="14" t="s">
        <v>7</v>
      </c>
      <c r="E164" s="12"/>
      <c r="F164" s="12"/>
      <c r="G164" s="12"/>
      <c r="H164" s="12"/>
    </row>
    <row r="165" spans="1:8" x14ac:dyDescent="0.25">
      <c r="A165" s="2" t="s">
        <v>217</v>
      </c>
      <c r="B165" s="4" t="s">
        <v>994</v>
      </c>
      <c r="C165" s="13">
        <v>71668594.209999993</v>
      </c>
      <c r="D165" s="13">
        <v>6958817.5</v>
      </c>
      <c r="E165" s="12"/>
      <c r="F165" s="12"/>
      <c r="G165" s="12"/>
      <c r="H165" s="12"/>
    </row>
    <row r="166" spans="1:8" x14ac:dyDescent="0.25">
      <c r="A166" s="2" t="s">
        <v>218</v>
      </c>
      <c r="B166" s="4" t="s">
        <v>995</v>
      </c>
      <c r="C166" s="13">
        <v>1055865060.45</v>
      </c>
      <c r="D166" s="13">
        <v>29467380.629999999</v>
      </c>
      <c r="E166" s="12"/>
      <c r="F166" s="12"/>
      <c r="G166" s="12"/>
      <c r="H166" s="12"/>
    </row>
    <row r="167" spans="1:8" x14ac:dyDescent="0.25">
      <c r="A167" s="2" t="s">
        <v>220</v>
      </c>
      <c r="B167" s="4" t="s">
        <v>996</v>
      </c>
      <c r="C167" s="13">
        <v>1010669238.62</v>
      </c>
      <c r="D167" s="13">
        <v>30838799.989999998</v>
      </c>
      <c r="E167" s="12"/>
      <c r="F167" s="12"/>
      <c r="G167" s="12"/>
      <c r="H167" s="12"/>
    </row>
    <row r="168" spans="1:8" x14ac:dyDescent="0.25">
      <c r="A168" s="3" t="s">
        <v>222</v>
      </c>
      <c r="B168" s="5" t="s">
        <v>997</v>
      </c>
      <c r="C168" s="11">
        <v>116864416.04000001</v>
      </c>
      <c r="D168" s="11">
        <v>5587398.1399999997</v>
      </c>
      <c r="E168" s="12"/>
      <c r="F168" s="12"/>
      <c r="G168" s="12"/>
      <c r="H168" s="12"/>
    </row>
    <row r="169" spans="1:8" x14ac:dyDescent="0.25">
      <c r="A169" s="2" t="s">
        <v>224</v>
      </c>
      <c r="B169" s="4" t="s">
        <v>998</v>
      </c>
      <c r="C169" s="13">
        <v>0</v>
      </c>
      <c r="D169" s="13">
        <v>0</v>
      </c>
      <c r="E169" s="12"/>
      <c r="F169" s="12"/>
      <c r="G169" s="12"/>
      <c r="H169" s="12"/>
    </row>
    <row r="170" spans="1:8" x14ac:dyDescent="0.25">
      <c r="A170" s="2" t="s">
        <v>227</v>
      </c>
      <c r="B170" s="4" t="s">
        <v>999</v>
      </c>
      <c r="C170" s="13">
        <v>37462440.030000001</v>
      </c>
      <c r="D170" s="13">
        <v>60454.69</v>
      </c>
      <c r="E170" s="12"/>
      <c r="F170" s="12"/>
      <c r="G170" s="12"/>
      <c r="H170" s="12"/>
    </row>
    <row r="171" spans="1:8" x14ac:dyDescent="0.25">
      <c r="A171" s="3" t="s">
        <v>229</v>
      </c>
      <c r="B171" s="5" t="s">
        <v>1000</v>
      </c>
      <c r="C171" s="11">
        <v>79401976.010000005</v>
      </c>
      <c r="D171" s="11">
        <v>5526943.4500000002</v>
      </c>
      <c r="E171" s="12"/>
      <c r="F171" s="12"/>
      <c r="G171" s="12"/>
      <c r="H171" s="12"/>
    </row>
    <row r="172" spans="1:8" x14ac:dyDescent="0.25">
      <c r="C172" s="12"/>
      <c r="D172" s="12"/>
      <c r="E172" s="12"/>
      <c r="F172" s="12"/>
      <c r="G172" s="12"/>
      <c r="H172" s="12"/>
    </row>
    <row r="173" spans="1:8" x14ac:dyDescent="0.25">
      <c r="C173" s="12"/>
      <c r="D173" s="12"/>
      <c r="E173" s="12"/>
      <c r="F173" s="12"/>
      <c r="G173" s="12"/>
      <c r="H173" s="12"/>
    </row>
    <row r="174" spans="1:8" x14ac:dyDescent="0.25">
      <c r="C174" s="12"/>
      <c r="D174" s="12"/>
      <c r="E174" s="12"/>
      <c r="F174" s="12"/>
      <c r="G174" s="12"/>
      <c r="H174" s="12"/>
    </row>
    <row r="175" spans="1:8" x14ac:dyDescent="0.25">
      <c r="C175" s="12"/>
      <c r="D175" s="12"/>
      <c r="E175" s="12"/>
      <c r="F175" s="12"/>
      <c r="G175" s="12"/>
      <c r="H175" s="12"/>
    </row>
    <row r="176" spans="1:8" x14ac:dyDescent="0.25">
      <c r="C176" s="12"/>
      <c r="D176" s="12"/>
      <c r="E176" s="12"/>
      <c r="F176" s="12"/>
      <c r="G176" s="12"/>
      <c r="H176" s="12"/>
    </row>
    <row r="177" spans="3:8" x14ac:dyDescent="0.25">
      <c r="C177" s="12"/>
      <c r="D177" s="12"/>
      <c r="E177" s="12"/>
      <c r="F177" s="12"/>
      <c r="G177" s="12"/>
      <c r="H177" s="12"/>
    </row>
    <row r="178" spans="3:8" x14ac:dyDescent="0.25">
      <c r="C178" s="12"/>
      <c r="D178" s="12"/>
      <c r="E178" s="12"/>
      <c r="F178" s="12"/>
      <c r="G178" s="12"/>
      <c r="H178" s="12"/>
    </row>
    <row r="179" spans="3:8" x14ac:dyDescent="0.25">
      <c r="C179" s="12"/>
      <c r="D179" s="12"/>
      <c r="E179" s="12"/>
      <c r="F179" s="12"/>
      <c r="G179" s="12"/>
      <c r="H179" s="12"/>
    </row>
    <row r="180" spans="3:8" x14ac:dyDescent="0.25">
      <c r="C180" s="12"/>
      <c r="D180" s="12"/>
      <c r="E180" s="12"/>
      <c r="F180" s="12"/>
      <c r="G180" s="12"/>
      <c r="H180" s="12"/>
    </row>
    <row r="181" spans="3:8" x14ac:dyDescent="0.25">
      <c r="C181" s="12"/>
      <c r="D181" s="12"/>
      <c r="E181" s="12"/>
      <c r="F181" s="12"/>
      <c r="G181" s="12"/>
      <c r="H181" s="12"/>
    </row>
    <row r="182" spans="3:8" x14ac:dyDescent="0.25">
      <c r="C182" s="12"/>
      <c r="D182" s="12"/>
      <c r="E182" s="12"/>
      <c r="F182" s="12"/>
      <c r="G182" s="12"/>
      <c r="H182" s="12"/>
    </row>
    <row r="183" spans="3:8" x14ac:dyDescent="0.25">
      <c r="C183" s="12"/>
      <c r="D183" s="12"/>
      <c r="E183" s="12"/>
      <c r="F183" s="12"/>
      <c r="G183" s="12"/>
      <c r="H183" s="12"/>
    </row>
    <row r="184" spans="3:8" x14ac:dyDescent="0.25">
      <c r="C184" s="12"/>
      <c r="D184" s="12"/>
      <c r="E184" s="12"/>
      <c r="F184" s="12"/>
      <c r="G184" s="12"/>
      <c r="H184" s="12"/>
    </row>
    <row r="185" spans="3:8" x14ac:dyDescent="0.25">
      <c r="C185" s="12"/>
      <c r="D185" s="12"/>
      <c r="E185" s="12"/>
      <c r="F185" s="12"/>
      <c r="G185" s="12"/>
      <c r="H185" s="12"/>
    </row>
    <row r="186" spans="3:8" x14ac:dyDescent="0.25">
      <c r="C186" s="12"/>
      <c r="D186" s="12"/>
      <c r="E186" s="12"/>
      <c r="F186" s="12"/>
      <c r="G186" s="12"/>
      <c r="H186" s="12"/>
    </row>
    <row r="187" spans="3:8" x14ac:dyDescent="0.25">
      <c r="C187" s="12"/>
      <c r="D187" s="12"/>
      <c r="E187" s="12"/>
      <c r="F187" s="12"/>
      <c r="G187" s="12"/>
      <c r="H187" s="12"/>
    </row>
    <row r="188" spans="3:8" x14ac:dyDescent="0.25">
      <c r="C188" s="12"/>
      <c r="D188" s="12"/>
      <c r="E188" s="12"/>
      <c r="F188" s="12"/>
      <c r="G188" s="12"/>
      <c r="H188" s="12"/>
    </row>
    <row r="189" spans="3:8" x14ac:dyDescent="0.25">
      <c r="C189" s="12"/>
      <c r="D189" s="12"/>
      <c r="E189" s="12"/>
      <c r="F189" s="12"/>
      <c r="G189" s="12"/>
      <c r="H189" s="12"/>
    </row>
    <row r="190" spans="3:8" x14ac:dyDescent="0.25">
      <c r="C190" s="12"/>
      <c r="D190" s="12"/>
      <c r="E190" s="12"/>
      <c r="F190" s="12"/>
      <c r="G190" s="12"/>
      <c r="H190" s="12"/>
    </row>
    <row r="191" spans="3:8" x14ac:dyDescent="0.25">
      <c r="C191" s="12"/>
      <c r="D191" s="12"/>
      <c r="E191" s="12"/>
      <c r="F191" s="12"/>
      <c r="G191" s="12"/>
      <c r="H191" s="12"/>
    </row>
    <row r="192" spans="3:8" x14ac:dyDescent="0.25">
      <c r="C192" s="12"/>
      <c r="D192" s="12"/>
      <c r="E192" s="12"/>
      <c r="F192" s="12"/>
      <c r="G192" s="12"/>
      <c r="H192" s="12"/>
    </row>
    <row r="193" spans="3:8" x14ac:dyDescent="0.25">
      <c r="C193" s="12"/>
      <c r="D193" s="12"/>
      <c r="E193" s="12"/>
      <c r="F193" s="12"/>
      <c r="G193" s="12"/>
      <c r="H193" s="12"/>
    </row>
    <row r="194" spans="3:8" x14ac:dyDescent="0.25">
      <c r="C194" s="12"/>
      <c r="D194" s="12"/>
      <c r="E194" s="12"/>
      <c r="F194" s="12"/>
      <c r="G194" s="12"/>
      <c r="H194" s="12"/>
    </row>
    <row r="195" spans="3:8" x14ac:dyDescent="0.25">
      <c r="C195" s="12"/>
      <c r="D195" s="12"/>
      <c r="E195" s="12"/>
      <c r="F195" s="12"/>
      <c r="G195" s="12"/>
      <c r="H195" s="12"/>
    </row>
    <row r="196" spans="3:8" x14ac:dyDescent="0.25">
      <c r="C196" s="12"/>
      <c r="D196" s="12"/>
      <c r="E196" s="12"/>
      <c r="F196" s="12"/>
      <c r="G196" s="12"/>
      <c r="H196" s="12"/>
    </row>
    <row r="197" spans="3:8" x14ac:dyDescent="0.25">
      <c r="C197" s="12"/>
      <c r="D197" s="12"/>
      <c r="E197" s="12"/>
      <c r="F197" s="12"/>
      <c r="G197" s="12"/>
      <c r="H197" s="12"/>
    </row>
    <row r="198" spans="3:8" x14ac:dyDescent="0.25">
      <c r="C198" s="12"/>
      <c r="D198" s="12"/>
      <c r="E198" s="12"/>
      <c r="F198" s="12"/>
      <c r="G198" s="12"/>
      <c r="H198" s="12"/>
    </row>
    <row r="199" spans="3:8" x14ac:dyDescent="0.25">
      <c r="C199" s="12"/>
      <c r="D199" s="12"/>
      <c r="E199" s="12"/>
      <c r="F199" s="12"/>
      <c r="G199" s="12"/>
      <c r="H199" s="12"/>
    </row>
    <row r="200" spans="3:8" x14ac:dyDescent="0.25">
      <c r="C200" s="12"/>
      <c r="D200" s="12"/>
      <c r="E200" s="12"/>
      <c r="F200" s="12"/>
      <c r="G200" s="12"/>
      <c r="H200" s="12"/>
    </row>
    <row r="201" spans="3:8" x14ac:dyDescent="0.25">
      <c r="C201" s="12"/>
      <c r="D201" s="12"/>
      <c r="E201" s="12"/>
      <c r="F201" s="12"/>
      <c r="G201" s="12"/>
      <c r="H201" s="12"/>
    </row>
    <row r="202" spans="3:8" x14ac:dyDescent="0.25">
      <c r="C202" s="12"/>
      <c r="D202" s="12"/>
      <c r="E202" s="12"/>
      <c r="F202" s="12"/>
      <c r="G202" s="12"/>
      <c r="H202" s="12"/>
    </row>
    <row r="203" spans="3:8" x14ac:dyDescent="0.25">
      <c r="C203" s="12"/>
      <c r="D203" s="12"/>
      <c r="E203" s="12"/>
      <c r="F203" s="12"/>
      <c r="G203" s="12"/>
      <c r="H203" s="12"/>
    </row>
    <row r="204" spans="3:8" x14ac:dyDescent="0.25">
      <c r="C204" s="12"/>
      <c r="D204" s="12"/>
      <c r="E204" s="12"/>
      <c r="F204" s="12"/>
      <c r="G204" s="12"/>
      <c r="H204" s="12"/>
    </row>
    <row r="205" spans="3:8" x14ac:dyDescent="0.25">
      <c r="C205" s="12"/>
      <c r="D205" s="12"/>
      <c r="E205" s="12"/>
      <c r="F205" s="12"/>
      <c r="G205" s="12"/>
      <c r="H205" s="12"/>
    </row>
    <row r="206" spans="3:8" x14ac:dyDescent="0.25">
      <c r="C206" s="12"/>
      <c r="D206" s="12"/>
      <c r="E206" s="12"/>
      <c r="F206" s="12"/>
      <c r="G206" s="12"/>
      <c r="H206" s="12"/>
    </row>
    <row r="207" spans="3:8" x14ac:dyDescent="0.25">
      <c r="C207" s="12"/>
      <c r="D207" s="12"/>
      <c r="E207" s="12"/>
      <c r="F207" s="12"/>
      <c r="G207" s="12"/>
      <c r="H207" s="12"/>
    </row>
  </sheetData>
  <mergeCells count="106">
    <mergeCell ref="A163:A164"/>
    <mergeCell ref="B163:B164"/>
    <mergeCell ref="C163:C164"/>
    <mergeCell ref="D163:D164"/>
    <mergeCell ref="F140:F141"/>
    <mergeCell ref="G140:G141"/>
    <mergeCell ref="A151:A152"/>
    <mergeCell ref="B151:B152"/>
    <mergeCell ref="C151:C152"/>
    <mergeCell ref="D151:D152"/>
    <mergeCell ref="E151:E152"/>
    <mergeCell ref="F151:F152"/>
    <mergeCell ref="G151:G152"/>
    <mergeCell ref="A140:A141"/>
    <mergeCell ref="B140:B141"/>
    <mergeCell ref="C140:C141"/>
    <mergeCell ref="D140:D141"/>
    <mergeCell ref="E140:E141"/>
    <mergeCell ref="F119:F120"/>
    <mergeCell ref="G119:G120"/>
    <mergeCell ref="A126:A127"/>
    <mergeCell ref="B126:B127"/>
    <mergeCell ref="C126:C127"/>
    <mergeCell ref="D126:D127"/>
    <mergeCell ref="D115:D116"/>
    <mergeCell ref="E115:E116"/>
    <mergeCell ref="A119:A120"/>
    <mergeCell ref="B119:B120"/>
    <mergeCell ref="C119:C120"/>
    <mergeCell ref="D119:D120"/>
    <mergeCell ref="E119:E120"/>
    <mergeCell ref="A106:A107"/>
    <mergeCell ref="B106:B107"/>
    <mergeCell ref="C106:C107"/>
    <mergeCell ref="A115:A116"/>
    <mergeCell ref="B115:B116"/>
    <mergeCell ref="C115:C116"/>
    <mergeCell ref="F89:F90"/>
    <mergeCell ref="G89:G90"/>
    <mergeCell ref="H89:H90"/>
    <mergeCell ref="A95:A96"/>
    <mergeCell ref="B95:B96"/>
    <mergeCell ref="C95:C96"/>
    <mergeCell ref="D95:D96"/>
    <mergeCell ref="E95:E96"/>
    <mergeCell ref="F95:F96"/>
    <mergeCell ref="G95:G96"/>
    <mergeCell ref="A89:A90"/>
    <mergeCell ref="B89:B90"/>
    <mergeCell ref="C89:C90"/>
    <mergeCell ref="D89:D90"/>
    <mergeCell ref="E89:E90"/>
    <mergeCell ref="F80:F81"/>
    <mergeCell ref="A85:A86"/>
    <mergeCell ref="B85:B86"/>
    <mergeCell ref="C85:C86"/>
    <mergeCell ref="D85:D86"/>
    <mergeCell ref="E85:E86"/>
    <mergeCell ref="F85:F86"/>
    <mergeCell ref="A80:A81"/>
    <mergeCell ref="B80:B81"/>
    <mergeCell ref="C80:C81"/>
    <mergeCell ref="D80:D81"/>
    <mergeCell ref="E80:E81"/>
    <mergeCell ref="D62:D63"/>
    <mergeCell ref="E62:E63"/>
    <mergeCell ref="F62:F63"/>
    <mergeCell ref="G62:G63"/>
    <mergeCell ref="A72:A73"/>
    <mergeCell ref="B72:B73"/>
    <mergeCell ref="C72:C73"/>
    <mergeCell ref="D72:D73"/>
    <mergeCell ref="E72:E73"/>
    <mergeCell ref="F72:F73"/>
    <mergeCell ref="G72:G73"/>
    <mergeCell ref="A58:A59"/>
    <mergeCell ref="B58:B59"/>
    <mergeCell ref="C58:C59"/>
    <mergeCell ref="A62:A63"/>
    <mergeCell ref="B62:B63"/>
    <mergeCell ref="C62:C63"/>
    <mergeCell ref="A38:A39"/>
    <mergeCell ref="B38:B39"/>
    <mergeCell ref="C38:C39"/>
    <mergeCell ref="D38:D39"/>
    <mergeCell ref="A52:A53"/>
    <mergeCell ref="B52:B53"/>
    <mergeCell ref="C52:C53"/>
    <mergeCell ref="A30:A31"/>
    <mergeCell ref="B30:B31"/>
    <mergeCell ref="C30:C31"/>
    <mergeCell ref="D30:D31"/>
    <mergeCell ref="A34:A35"/>
    <mergeCell ref="B34:B35"/>
    <mergeCell ref="C34:C35"/>
    <mergeCell ref="D34:D35"/>
    <mergeCell ref="A9:H9"/>
    <mergeCell ref="A10:A11"/>
    <mergeCell ref="B10:B11"/>
    <mergeCell ref="C10:C11"/>
    <mergeCell ref="D10:D11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36"/>
  <sheetViews>
    <sheetView showGridLines="0" workbookViewId="0">
      <selection activeCell="I24" sqref="I24"/>
    </sheetView>
  </sheetViews>
  <sheetFormatPr defaultRowHeight="15" x14ac:dyDescent="0.25"/>
  <cols>
    <col min="2" max="2" width="88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1001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1002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1003</v>
      </c>
      <c r="C10" s="10" t="s">
        <v>1004</v>
      </c>
      <c r="D10" s="10" t="s">
        <v>1005</v>
      </c>
      <c r="E10" s="10" t="s">
        <v>1006</v>
      </c>
      <c r="F10" s="10" t="s">
        <v>1007</v>
      </c>
      <c r="G10" s="10" t="s">
        <v>1008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0" t="s">
        <v>7</v>
      </c>
    </row>
    <row r="12" spans="1:7" x14ac:dyDescent="0.25">
      <c r="A12" s="3" t="s">
        <v>17</v>
      </c>
      <c r="B12" s="5" t="s">
        <v>1009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</row>
    <row r="13" spans="1:7" x14ac:dyDescent="0.25">
      <c r="A13" s="2" t="s">
        <v>19</v>
      </c>
      <c r="B13" s="4" t="s">
        <v>1010</v>
      </c>
      <c r="C13" s="13">
        <v>0</v>
      </c>
      <c r="D13" s="13">
        <v>0</v>
      </c>
      <c r="E13" s="13">
        <v>0</v>
      </c>
      <c r="F13" s="13">
        <v>0</v>
      </c>
      <c r="G13" s="13">
        <v>0</v>
      </c>
    </row>
    <row r="14" spans="1:7" x14ac:dyDescent="0.25">
      <c r="A14" s="2" t="s">
        <v>21</v>
      </c>
      <c r="B14" s="4" t="s">
        <v>1011</v>
      </c>
      <c r="C14" s="13">
        <v>0</v>
      </c>
      <c r="D14" s="13">
        <v>0</v>
      </c>
      <c r="E14" s="13">
        <v>0</v>
      </c>
      <c r="F14" s="13">
        <v>0</v>
      </c>
      <c r="G14" s="13">
        <v>0</v>
      </c>
    </row>
    <row r="15" spans="1:7" x14ac:dyDescent="0.25">
      <c r="A15" s="2" t="s">
        <v>23</v>
      </c>
      <c r="B15" s="4" t="s">
        <v>1012</v>
      </c>
      <c r="C15" s="13">
        <v>0</v>
      </c>
      <c r="D15" s="13">
        <v>0</v>
      </c>
      <c r="E15" s="13">
        <v>0</v>
      </c>
      <c r="F15" s="13">
        <v>0</v>
      </c>
      <c r="G15" s="13">
        <v>0</v>
      </c>
    </row>
    <row r="16" spans="1:7" x14ac:dyDescent="0.25">
      <c r="A16" s="2" t="s">
        <v>25</v>
      </c>
      <c r="B16" s="4" t="s">
        <v>1013</v>
      </c>
      <c r="C16" s="13">
        <v>0</v>
      </c>
      <c r="D16" s="13">
        <v>0</v>
      </c>
      <c r="E16" s="13">
        <v>0</v>
      </c>
      <c r="F16" s="13">
        <v>0</v>
      </c>
      <c r="G16" s="13">
        <v>0</v>
      </c>
    </row>
    <row r="17" spans="1:7" x14ac:dyDescent="0.25">
      <c r="A17" s="2" t="s">
        <v>27</v>
      </c>
      <c r="B17" s="4" t="s">
        <v>1014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</row>
    <row r="18" spans="1:7" x14ac:dyDescent="0.25">
      <c r="A18" s="3" t="s">
        <v>29</v>
      </c>
      <c r="B18" s="5" t="s">
        <v>1015</v>
      </c>
      <c r="C18" s="11">
        <v>0</v>
      </c>
      <c r="D18" s="11">
        <v>0</v>
      </c>
      <c r="E18" s="11">
        <v>0</v>
      </c>
      <c r="F18" s="11">
        <v>0</v>
      </c>
      <c r="G18" s="11">
        <v>0</v>
      </c>
    </row>
    <row r="19" spans="1:7" x14ac:dyDescent="0.25">
      <c r="A19" s="2" t="s">
        <v>31</v>
      </c>
      <c r="B19" s="4" t="s">
        <v>1010</v>
      </c>
      <c r="C19" s="13">
        <v>0</v>
      </c>
      <c r="D19" s="13">
        <v>0</v>
      </c>
      <c r="E19" s="13">
        <v>0</v>
      </c>
      <c r="F19" s="13">
        <v>0</v>
      </c>
      <c r="G19" s="13">
        <v>0</v>
      </c>
    </row>
    <row r="20" spans="1:7" x14ac:dyDescent="0.25">
      <c r="A20" s="2" t="s">
        <v>33</v>
      </c>
      <c r="B20" s="4" t="s">
        <v>1011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</row>
    <row r="21" spans="1:7" x14ac:dyDescent="0.25">
      <c r="A21" s="2" t="s">
        <v>35</v>
      </c>
      <c r="B21" s="4" t="s">
        <v>1012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</row>
    <row r="22" spans="1:7" x14ac:dyDescent="0.25">
      <c r="A22" s="2" t="s">
        <v>37</v>
      </c>
      <c r="B22" s="4" t="s">
        <v>1013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</row>
    <row r="23" spans="1:7" x14ac:dyDescent="0.25">
      <c r="A23" s="2" t="s">
        <v>39</v>
      </c>
      <c r="B23" s="4" t="s">
        <v>1016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</row>
    <row r="24" spans="1:7" x14ac:dyDescent="0.25">
      <c r="A24" s="3" t="s">
        <v>41</v>
      </c>
      <c r="B24" s="5" t="s">
        <v>1017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</row>
    <row r="25" spans="1:7" x14ac:dyDescent="0.25">
      <c r="A25" s="2" t="s">
        <v>43</v>
      </c>
      <c r="B25" s="4" t="s">
        <v>1010</v>
      </c>
      <c r="C25" s="13">
        <v>0</v>
      </c>
      <c r="D25" s="13">
        <v>0</v>
      </c>
      <c r="E25" s="13">
        <v>0</v>
      </c>
      <c r="F25" s="13">
        <v>0</v>
      </c>
      <c r="G25" s="13">
        <v>0</v>
      </c>
    </row>
    <row r="26" spans="1:7" x14ac:dyDescent="0.25">
      <c r="A26" s="2" t="s">
        <v>45</v>
      </c>
      <c r="B26" s="4" t="s">
        <v>1011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</row>
    <row r="27" spans="1:7" x14ac:dyDescent="0.25">
      <c r="A27" s="2" t="s">
        <v>47</v>
      </c>
      <c r="B27" s="4" t="s">
        <v>1012</v>
      </c>
      <c r="C27" s="13">
        <v>0</v>
      </c>
      <c r="D27" s="13">
        <v>0</v>
      </c>
      <c r="E27" s="13">
        <v>0</v>
      </c>
      <c r="F27" s="13">
        <v>0</v>
      </c>
      <c r="G27" s="13">
        <v>0</v>
      </c>
    </row>
    <row r="28" spans="1:7" x14ac:dyDescent="0.25">
      <c r="A28" s="2" t="s">
        <v>49</v>
      </c>
      <c r="B28" s="4" t="s">
        <v>1013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</row>
    <row r="29" spans="1:7" x14ac:dyDescent="0.25">
      <c r="A29" s="2" t="s">
        <v>51</v>
      </c>
      <c r="B29" s="4" t="s">
        <v>1016</v>
      </c>
      <c r="C29" s="13">
        <v>0</v>
      </c>
      <c r="D29" s="13">
        <v>0</v>
      </c>
      <c r="E29" s="13">
        <v>0</v>
      </c>
      <c r="F29" s="13">
        <v>0</v>
      </c>
      <c r="G29" s="13">
        <v>0</v>
      </c>
    </row>
    <row r="30" spans="1:7" x14ac:dyDescent="0.25">
      <c r="A30" s="3" t="s">
        <v>53</v>
      </c>
      <c r="B30" s="5" t="s">
        <v>1018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</row>
    <row r="31" spans="1:7" x14ac:dyDescent="0.25">
      <c r="A31" s="2" t="s">
        <v>55</v>
      </c>
      <c r="B31" s="4" t="s">
        <v>1013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</row>
    <row r="32" spans="1:7" x14ac:dyDescent="0.25">
      <c r="A32" s="2" t="s">
        <v>57</v>
      </c>
      <c r="B32" s="4" t="s">
        <v>1016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</row>
    <row r="33" spans="1:7" x14ac:dyDescent="0.25">
      <c r="A33" s="3" t="s">
        <v>59</v>
      </c>
      <c r="B33" s="5" t="s">
        <v>1019</v>
      </c>
      <c r="C33" s="11">
        <v>0</v>
      </c>
      <c r="D33" s="11">
        <v>0</v>
      </c>
      <c r="E33" s="11">
        <v>0</v>
      </c>
      <c r="F33" s="11">
        <v>0</v>
      </c>
      <c r="G33" s="11">
        <v>0</v>
      </c>
    </row>
    <row r="34" spans="1:7" x14ac:dyDescent="0.25">
      <c r="A34" s="2" t="s">
        <v>61</v>
      </c>
      <c r="B34" s="4" t="s">
        <v>1013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</row>
    <row r="35" spans="1:7" x14ac:dyDescent="0.25">
      <c r="A35" s="2" t="s">
        <v>63</v>
      </c>
      <c r="B35" s="4" t="s">
        <v>1016</v>
      </c>
      <c r="C35" s="13">
        <v>0</v>
      </c>
      <c r="D35" s="13">
        <v>0</v>
      </c>
      <c r="E35" s="13">
        <v>0</v>
      </c>
      <c r="F35" s="13">
        <v>0</v>
      </c>
      <c r="G35" s="13">
        <v>0</v>
      </c>
    </row>
    <row r="36" spans="1:7" x14ac:dyDescent="0.25">
      <c r="A36" s="3" t="s">
        <v>65</v>
      </c>
      <c r="B36" s="5" t="s">
        <v>1020</v>
      </c>
      <c r="C36" s="11">
        <v>0</v>
      </c>
      <c r="D36" s="11">
        <v>0</v>
      </c>
      <c r="E36" s="11">
        <v>0</v>
      </c>
      <c r="F36" s="11">
        <v>0</v>
      </c>
      <c r="G36" s="11">
        <v>0</v>
      </c>
    </row>
  </sheetData>
  <mergeCells count="13">
    <mergeCell ref="A9:G9"/>
    <mergeCell ref="A10:A11"/>
    <mergeCell ref="B10:B11"/>
    <mergeCell ref="C10:C11"/>
    <mergeCell ref="D10:D11"/>
    <mergeCell ref="E10:E11"/>
    <mergeCell ref="F10:F11"/>
    <mergeCell ref="G10:G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3</vt:i4>
      </vt:variant>
    </vt:vector>
  </HeadingPairs>
  <TitlesOfParts>
    <vt:vector size="13" baseType="lpstr">
      <vt:lpstr>Anexo - 01 - Balanço Orçamentár</vt:lpstr>
      <vt:lpstr>Anexo - 01.1 - Despesas Corrent</vt:lpstr>
      <vt:lpstr>Anexo - 02 - Despesas por Funçã</vt:lpstr>
      <vt:lpstr>Anexo - 03 - Receita Corrente L</vt:lpstr>
      <vt:lpstr>Anexo - 04 - Receitas e Despesa</vt:lpstr>
      <vt:lpstr>Anexo - 06 - Resultado Primário</vt:lpstr>
      <vt:lpstr>Anexo - 07 - Restos a Pagar por</vt:lpstr>
      <vt:lpstr>Anexo - 08 - Receitas e Despesa</vt:lpstr>
      <vt:lpstr>Anexo - 08.1 - Despesa MDE-Cons</vt:lpstr>
      <vt:lpstr>Anexo - 12 - Receitas e Despesa</vt:lpstr>
      <vt:lpstr>Anexo - 12.1 - Despesas Saúde -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2-09-28T19:54:33Z</dcterms:created>
  <dcterms:modified xsi:type="dcterms:W3CDTF">2022-09-28T19:58:28Z</dcterms:modified>
</cp:coreProperties>
</file>